
<file path=[Content_Types].xml><?xml version="1.0" encoding="utf-8"?>
<Types xmlns="http://schemas.openxmlformats.org/package/2006/content-types">
  <Default Extension="bin" ContentType="application/vnd.openxmlformats-officedocument.spreadsheetml.printerSettings"/>
  <Default Extension="jp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001"/>
  <workbookPr autoCompressPictures="0"/>
  <mc:AlternateContent xmlns:mc="http://schemas.openxmlformats.org/markup-compatibility/2006">
    <mc:Choice Requires="x15">
      <x15ac:absPath xmlns:x15ac="http://schemas.microsoft.com/office/spreadsheetml/2010/11/ac" url="C:\Users\s431240\Dropbox\2017 RWS\RWS Data\RWS DataTables\Data Tables by Regions and Groups\"/>
    </mc:Choice>
  </mc:AlternateContent>
  <xr:revisionPtr revIDLastSave="0" documentId="13_ncr:1_{CFCF0C8F-18DB-4308-83D7-5AF4324841AC}" xr6:coauthVersionLast="38" xr6:coauthVersionMax="38" xr10:uidLastSave="{00000000-0000-0000-0000-000000000000}"/>
  <bookViews>
    <workbookView xWindow="2085" yWindow="225" windowWidth="20370" windowHeight="11700" tabRatio="909" xr2:uid="{00000000-000D-0000-FFFF-FFFF00000000}"/>
  </bookViews>
  <sheets>
    <sheet name="Cover" sheetId="2" r:id="rId1"/>
    <sheet name="Explanatory notes" sheetId="11" r:id="rId2"/>
    <sheet name="About the groups"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79021"/>
</workbook>
</file>

<file path=xl/sharedStrings.xml><?xml version="1.0" encoding="utf-8"?>
<sst xmlns="http://schemas.openxmlformats.org/spreadsheetml/2006/main" count="2729" uniqueCount="520">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ommunity wellbeing measures </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Access to food and retail shop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spending time with friends and family' scale is presented individually</t>
  </si>
  <si>
    <t>Each individual item used to create the 'getting involved' scale is presented individually</t>
  </si>
  <si>
    <t>Participation in volunteering - distribution of responses</t>
  </si>
  <si>
    <t>Access to roads and public transport (average score, from a possible 1-7)</t>
  </si>
  <si>
    <t>Access to food and retail shops  (average score, from a possible 1-7)</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Roads
(Measured 'very poor' (1) to 'very good' (7))</t>
  </si>
  <si>
    <t>Public transport (including taxis, buses, trains)
(Measured 'very poor' (1) to 'very good' (7))</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were very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t>
  </si>
  <si>
    <t>Eudaimonic Wellbeing Domains</t>
  </si>
  <si>
    <t xml:space="preserve">To what extent do you feel the things you do in your life are worthwhile?
</t>
  </si>
  <si>
    <t>How much do you feel your life has purpose?</t>
  </si>
  <si>
    <t xml:space="preserve">How meaningful does your life feel?
</t>
  </si>
  <si>
    <t>I would recommend my community to others as a good place to live
(Measured 'strongly disagree' (1) to 'strongly agree' (7))</t>
  </si>
  <si>
    <t>Migration</t>
  </si>
  <si>
    <t>People shifting away from the area
(measured 'not a problem' (1) to 'very big problem' (7))</t>
  </si>
  <si>
    <t>Local employment opportunities</t>
  </si>
  <si>
    <t>Availability of local jobs
(Measured 'very poor' (1) to 'very good' (7))</t>
  </si>
  <si>
    <t>% residents who rated it as poor</t>
  </si>
  <si>
    <t xml:space="preserve">% residents who rated it as neither poor or good </t>
  </si>
  <si>
    <t>% residents who rated it as good</t>
  </si>
  <si>
    <t>I have the skills and education I need to achieve what I want to in life
(Measured 'strongly disagree' (1) to 'strongly agree' (7))</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Quality of community events</t>
  </si>
  <si>
    <t>Community events e.g. festivals
'(Measured 'very poor' (1) to 'very good' (7))</t>
  </si>
  <si>
    <t>% residents who rated quality of community events poorly</t>
  </si>
  <si>
    <t>% residents who rated quality of community events moderately</t>
  </si>
  <si>
    <t>Health services
(Measured 'very poor' (1) to 'very good' (7))</t>
  </si>
  <si>
    <t>Local schools
(Measured 'very poor' (1) to 'very good' (7))</t>
  </si>
  <si>
    <t>Access to health and education services</t>
  </si>
  <si>
    <t>Availability of good local restaurants/cafes
(Measured 'very poor' (1) to 'very good' (7))</t>
  </si>
  <si>
    <t>Lack of affordable food/groceries at local shops
(Measured 'not a problem' (1) to 'very big problem' (7))</t>
  </si>
  <si>
    <t>Access to local government services</t>
  </si>
  <si>
    <t>Local government services
(Measured 'very poor' (1) to 'very good' (7))</t>
  </si>
  <si>
    <t>Mobile phone reception
(Measured 'very poor' (1) to 'very good' (7))</t>
  </si>
  <si>
    <t>Internet access
(Measured 'very poor' (1) to 'very good' (7))</t>
  </si>
  <si>
    <t>Access to telecommunications
(average score, from a possible 1-7)</t>
  </si>
  <si>
    <t>Measured from 1 (low levels of telecommunications) to 7 (high levels of telecommunications)</t>
  </si>
  <si>
    <t>Attractiveness of the local landscape
(Measured 'very poor' (1) to 'very good' (7))</t>
  </si>
  <si>
    <t>Local climate and weather
(Measured 'very poor' (1) to 'very good' (7))</t>
  </si>
  <si>
    <t>Water quality in local rivers and lakes
(Measured 'very poor' (1) to 'very good' (7))</t>
  </si>
  <si>
    <t>Health of the local environment
(Measured 'very poor' (1) to 'very good' (7))</t>
  </si>
  <si>
    <t>Eudaimonic Wellbeing Index</t>
  </si>
  <si>
    <t>Eudaimonic Wellbeing Index
(average score, from a possible 0-100)</t>
  </si>
  <si>
    <t xml:space="preserve">
</t>
  </si>
  <si>
    <t xml:space="preserve">Each individual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o what extent are the following problems/challenges in your community at the moment? - Conflict/disagreement between some people
(Measured 'not a problem' (1) to 'very big problem' (7))</t>
  </si>
  <si>
    <t>Confidence interval for % who rated it as poor</t>
  </si>
  <si>
    <t>Confidence interval for % who rated it as neither poor or good</t>
  </si>
  <si>
    <t>Confidence interval for % who  rated it as good</t>
  </si>
  <si>
    <t>Confidence interval for % who  stated 'don’t' know'</t>
  </si>
  <si>
    <t>Confidence interval for % who  rated it as a problem</t>
  </si>
  <si>
    <t>Confidence interval for % who rated quality of community events poorly</t>
  </si>
  <si>
    <t>Confidence interval for % who rated quality of community events moderately</t>
  </si>
  <si>
    <t>Confidence interval for % who  rated the quality of events highly</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 residents who indicated they were very comfortable (5) or prosperous (6)</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it as a problem</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Environmental degradation
(Measured 'not a problem' (1) to 'very big problem' (7))</t>
  </si>
  <si>
    <t>Confidence interval for % who rated problem</t>
  </si>
  <si>
    <t>% residents who rated it as not a problem</t>
  </si>
  <si>
    <t>% residents who rated it as neither a problem or not a problem</t>
  </si>
  <si>
    <t>% residents who rated quality of community events as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If I could, I would shift to live in another community
(measured 'strongly disagree' (1) to 'strongly agree' (7))</t>
  </si>
  <si>
    <t>Lack of job opportunities
(Measured 'not a problem' (1) to 'very big problem' (7))</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Confidence interval for % who rated it as neither a problem or not a problem</t>
  </si>
  <si>
    <t>Confidence interval for % Never/rarely</t>
  </si>
  <si>
    <t>Confidence interval for % Sometimes</t>
  </si>
  <si>
    <t>Confidence interval for % regularly/all the time</t>
  </si>
  <si>
    <t>% residents who reported a score of 0 to 6</t>
  </si>
  <si>
    <t>% residents who reported a score of 7 to 8</t>
  </si>
  <si>
    <t>% residents who reported a score of 9 to 10</t>
  </si>
  <si>
    <t>Wellbeing-  Emotional Affect Index - distribution of responses</t>
  </si>
  <si>
    <t>% residents who had a score of  0 to 6</t>
  </si>
  <si>
    <t>% residents who had a score of 7 to 8</t>
  </si>
  <si>
    <t>% residents who had a score of 9 to 10</t>
  </si>
  <si>
    <t>% residents who rated access as problem</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Each individual item used to create the 'emotional affect index' is presented individuall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Environmental degradation - new grouping
(Measured 'not a problem' (1) to 'very big problem' (7))</t>
  </si>
  <si>
    <t>% residents who rated it as a large problem</t>
  </si>
  <si>
    <t>Confidence interval for % who rated it as a large problem</t>
  </si>
  <si>
    <t>% residents who rated it as no/low problem</t>
  </si>
  <si>
    <t>Confidence interval for % who rated it as no/low problem</t>
  </si>
  <si>
    <t xml:space="preserve">Self-efficacy </t>
  </si>
  <si>
    <t xml:space="preserve">Self-efficacy measures </t>
  </si>
  <si>
    <t xml:space="preserve">Crime and safety in the local community </t>
  </si>
  <si>
    <t xml:space="preserve">Perceived environmental health </t>
  </si>
  <si>
    <t>Measured from 0 (low emotional affect) to 10 (high emotional affect)</t>
  </si>
  <si>
    <t>Australia</t>
  </si>
  <si>
    <t>Regional Australia</t>
  </si>
  <si>
    <t>Urban Australia</t>
  </si>
  <si>
    <t>Non-farmer</t>
  </si>
  <si>
    <t>Farmer</t>
  </si>
  <si>
    <t>Irrigator</t>
  </si>
  <si>
    <t>Dryland farmer</t>
  </si>
  <si>
    <t>Farmer 18-39</t>
  </si>
  <si>
    <t>Farmer 40-54</t>
  </si>
  <si>
    <t>Farmer 55-64</t>
  </si>
  <si>
    <t>Farmer 65 plus</t>
  </si>
  <si>
    <t>Beef grazier</t>
  </si>
  <si>
    <t>Dairy farmer</t>
  </si>
  <si>
    <t>Crop grower (excluding horticulture)</t>
  </si>
  <si>
    <t>Fruit, vegetable or winegrape grower (horticulture)</t>
  </si>
  <si>
    <t>Mixed cropping-grazing</t>
  </si>
  <si>
    <t>Sheep grazier</t>
  </si>
  <si>
    <t>Other</t>
  </si>
  <si>
    <t>NSW farmers</t>
  </si>
  <si>
    <t>VIC farmers</t>
  </si>
  <si>
    <t>QLD farmers</t>
  </si>
  <si>
    <t>SA farmers</t>
  </si>
  <si>
    <t>WA farmers</t>
  </si>
  <si>
    <t>TAS farmers</t>
  </si>
  <si>
    <t>About the groups: Farming community</t>
  </si>
  <si>
    <t>This file provides data from the 2017 Regional Wellbeing Survey for the Australian farming community.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farmers and non farmers; (v) irrigators and dryland farmers; (vi) farmers of different ages; (vii) different types of farmers; and (viii) farmers in different states.</t>
  </si>
  <si>
    <t xml:space="preserve">Australia includes all of Australia (farmers and non-farmers), including all of the major cities. In total, 11,074 people from Australia took part in the 2017 Regional Wellbeing Survey, although not all these people answered every question on the survey. </t>
  </si>
  <si>
    <t>Farmers and non-farmers</t>
  </si>
  <si>
    <t>Irrigators</t>
  </si>
  <si>
    <t>Dryland farmers</t>
  </si>
  <si>
    <t>Farmers of different age groups</t>
  </si>
  <si>
    <t>New South Wales (NSW) farmers</t>
  </si>
  <si>
    <t>Victorian (VIC) farmers</t>
  </si>
  <si>
    <t>Queensland (QLD) farmers</t>
  </si>
  <si>
    <t>South Australian (SA) farmers</t>
  </si>
  <si>
    <t>Western Australian (WA) farmers</t>
  </si>
  <si>
    <t>Tasmanian (TAS) farmers</t>
  </si>
  <si>
    <t xml:space="preserve">Explanatory notes </t>
  </si>
  <si>
    <t xml:space="preserve">The data in this spreadsheet were produced from the 2017 Regional Wellbeing Survey. Information about the survey is available at www.regionalwellbeing.org.au. </t>
  </si>
  <si>
    <t xml:space="preserve">Irrigators includes all farmers who identified as irrigating from irrigation channels or pipelines, water pumped directly from rivers, creeks or lakes  and includes farmers who also identify as dryland farmers. In total, 623 irrigators took part in the 2017 Regional Wellbeing Survey, although not all these people answered every question on the survey. </t>
  </si>
  <si>
    <t xml:space="preserve">Urban Australia includes the cities and surrounding suburban areas of Sydney, Melbourne, Adelaide, Brisbane, Perth and Canberra. In total, 1,991 people from these cities took part in the 2017 Regional Wellbeing Survey, although not all these people answered every question on the survey. </t>
  </si>
  <si>
    <t xml:space="preserve">Regional Australia includes all of Australia (farmers and non-farmers) except the cities of Sydney, Melbourne, Adelaide, Brisbane, Perth and Canberra. In total, 8,920 people from regional Australia took part in the 2017 Regional Wellbeing Survey, although not all these people answered every question on the survey. Some parts of regional Australia were sampled intensively as part of the survey, while others were sampled less intensively. </t>
  </si>
  <si>
    <t xml:space="preserve">Farmers includes those who either stated that they are a farmer, own a farm or manage a farm, or those who answered the farming questions. Non-farmers includes those who stated that they are not invovled in farming and did not answer any of the farming questions. In total, 2,530 farmers and 8,546 non-farmers took part in the 2017 Regional Wellbeing Survey, although not all these people answered every question on the survey. </t>
  </si>
  <si>
    <t xml:space="preserve">Dryland farmers includes all farmers who did not identify as an irrigator. In total, 1,597 dryland farmers took part in the 2017 Regional Wellbeing Survey, although not all these people answered every question on the survey. </t>
  </si>
  <si>
    <t xml:space="preserve">Farmers in the following age groups are presented in the data tables: Farmers aged 18-39, farmers aged 40-54, farmers aged 55-64 and farmer aged 65 and over. A total of 240 farmers aged 18-39 took part in the 2017 Regional Wellbeing Survey, 556 farmers aged 40-54  took part in the 2017 Regional Wellbeing Survey, 725 farmers aged 55-64  took part in the 2017 Regional Wellbeing Survey, and 985 farmers aged 65 and over  took part in the 2017 Regional Wellbeing Survey, although not all these people answered every question on the survey. </t>
  </si>
  <si>
    <t xml:space="preserve">New South Wales (NSW) farmers are farmers who live in the state of NSW. In total, 775 NSW farmers took part in the 2017 Regional Wellbeing Survey, although not all these people answered every question on the survey. </t>
  </si>
  <si>
    <t xml:space="preserve">Victorian (VIC) farmers are farmers who live in the state of Victoria. In total, 1,021 Victorian farmers took part in the 2017 Regional Wellbeing Survey, although not all these people answered every question on the survey. </t>
  </si>
  <si>
    <t xml:space="preserve">Queensland (QLD) farmers are farmers who live in the state of QLD. In total, 283 QLD farmers took part in the 2017 Regional Wellbeing Survey, although not all these people answered every question on the survey. </t>
  </si>
  <si>
    <t xml:space="preserve">South Australian (SA) farmers are farmers who live in the state of SA. In total, 194 SA farmers took part in the 2017 Regional Wellbeing Survey, although not all these people answered every question on the survey. </t>
  </si>
  <si>
    <t xml:space="preserve">Western Australian (WA) farmers are farmers who live in the state of WA. In total, 167 WA farmers took part in the 2017 Regional Wellbeing Survey, although not all these people answered every question on the survey. </t>
  </si>
  <si>
    <t xml:space="preserve">Tasmanian (TAS) farmers are farmers who live in the state of Tasmania. In total, 79 Tasmanian farmers took part in the 2017 Regional Wellbeing Survey, although not all these people answered every question on the survey. </t>
  </si>
  <si>
    <t xml:space="preserve">You may reproduce the data in this spreadsheet for any purpose, providing you acknowledge the data source. Data should be cited as being sourced from the 2017 Regional Wellbeing Survey, Australian farmers data tables, Version 1.01 August 2018. </t>
  </si>
  <si>
    <t>The data presented in this spreadsheet are from a survey of adult residentsn. All surveys have some bias in the responses they receive. The 2017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 xml:space="preserve">Beef graziers are farmers who identified beef cattle grazing as a primary farming activity and who did not also undertake crop growing. In total, 743 beef graziers took part in the 2017 Regional Wellbeing Survey, although not all these people answered every question on the survey. </t>
  </si>
  <si>
    <t xml:space="preserve">Dairy farmers are farmers who had dairy cattle (in some cases they also undertook other farming activities). In total, 135 took part in the 2017 Regional Wellbeing Survey, although not all these people answered every question on the survey. </t>
  </si>
  <si>
    <t xml:space="preserve">Crop growers are farmers who identified crop growing as a primary farming activity, and did not also graze livestock as a major farm activity on their property. In total, 155 took part in the 2017 Regional Wellbeing Survey, although not all these people answered every question on the survey. </t>
  </si>
  <si>
    <t>Fruit, vegetable or winegrape growers are farmers who grew fruit, vegetables or winegrapes as a primary farming activity. In total, 259 took part in the 2017 Regional Wellbeing Survey, although not all these people answered every question on the survey. Some of these farmers also had livestock or grew other crops on their property.</t>
  </si>
  <si>
    <t xml:space="preserve">Mixed cropping-grazing farmers are farmers who both grew broadacre crops and grazed livestock as primary farming activities on their land. In total, 407 took part in the 2017 Regional Wellbeing Survey, although not all these people answered every question on the survey. </t>
  </si>
  <si>
    <t xml:space="preserve">Sheep graziers are farmers who identified sheep grazing as a primary farming activity, and did not also undertake crop growing as a major farm activity. In total, 412 took part in the 2017 Regional Wellbeing Survey, although not all these people answered every question on the survey. </t>
  </si>
  <si>
    <t>Other farmers include those operating other types of farm enterprises to those listed above, as well as some farmers who did not provide adequate information to enable classifying their farming into one of the categories above.</t>
  </si>
  <si>
    <t>Note: Not enough farmers living in the ACT and NT took part in the survey to be reported as separate groups.</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Responses are reported as an average and at the proportional level of getting worse/neither/getting better.</t>
  </si>
  <si>
    <t xml:space="preserve">The economic wellbeing of communities was measured by asking survey participants how much they agreed with the following statements, from  'strongly disagree' (1) to 'strongly agree' (7): (i) Living costs are affordable here e.g. food, petrol, housing and (ii) There are plenty of jobs available around here at the moment.
Responses to these two statements were averaged to form a single measure of community economic wellbeing, measured from 1 (low levels of community economic wellbeing) to 7 (high levels of community economic wellbeing). </t>
  </si>
  <si>
    <t>Local employment opportunities questions were measured using two 7-point scales. One measured 'Availability of local jobs' in the local community from 'very poor' (1) to very good (7).
The other measured the extent the extent to which 'Lack of job opportunities' was a problem in a person's local community, on a scale from 'not a problem' (1) to 'very big problem' (7).
Responses are reported as an average and at the proportional level of poor/neither/good and not a problem/neither/problem.</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 xml:space="preserve">Respondents were asked to identify how much they agreed or disagreed, on a 7-point scale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Each individual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The extent to which rural and regional Australians felt they could have a say in their community, and that they would be heard if they did, was measured by asking survey participants how much they agreed with the following statements, from 'strongly disagree' (1) to 'strongly agree' (7): (i) My local government is able to help our community face challenges; (ii)  I can get involved in local decision-making processes if I want to. Responses to these statements were averaged to form a single measure, from 1 (low feelings of having a say and being heard) to 7 (high feelings of having a say and being heard).</t>
  </si>
  <si>
    <t>Informal social connectedness was measured by asking survey participants how often they did the following, on a scale measured from 'never or almost never' (1) to 'all the time' (7):
(i) I make time to keep in touch with my friends and (ii) I spend time doing things with family members who don’t live with me. The ‘friends and family’ measure was calculated as the average of these items, from 1 (low levels of informal social connectedness) to 7 (high levels of informal social connectedness).</t>
  </si>
  <si>
    <t>Each individual item used to create the 'spending time with friends and family' scale is presented individually. 
The questions were measured on a 7-point scale, from 'never' (1) to 'all the time' (7), and were: (i) I make time to keep in touch with my friends; and (ii) I spend time doing things with family members who don’t live with me.</t>
  </si>
  <si>
    <t>The extent of a person’s involvement in local community activities was examined by asking survey participants how frequently they took part in the following types of activities, on a scale from 'never or almost never' (1) to 'all the time' (7): (i) I attend meetings/social events of local clubs/groups e.g. Lions, CWA; and (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meetings/social events of local clubs/groups e.g. Lions, CWA; and (ii) I take part in sports groups or teams.</t>
  </si>
  <si>
    <t>Regional and rural Australians were asked to rate the quality of access to  (i) Roads; and (ii) Public transport (including taxis, buses, trains). 
The questions 'How good or poor are the following things in your local region at the moment?' were measured on a 7-point scale, from 'very poor' (1) to 'very good' (7).
 Responses are reported as an average and at the proportional level of poor/neither/good access.</t>
  </si>
  <si>
    <t xml:space="preserve">Regional and rural Australians were asked to rate the quality of access to (i) good local restaurants/cafes and retail shops (on a scale from 'very poor' (1) to 'very good' (7), and the extent to which 'lack of affordable food/groceries at local shops' was a problem in their community on a scale from 'not a problem' (1) to 'very big problem' (7).
Responses are reported as an average and at the proportional level of poor/neither/good access.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 (i) Mobile phone reception and (ii) internet access. Scores of 1 indicated low quality access and a score of 7 high quality access to telecommunications.
</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 xml:space="preserve">The attractiveness of the landscape a person lived in was measured by asking respondents how much they agreed or disagreed with the following statements, measured on a scale of 'very poor' (1) to 'very good' (7): (i) Attractiveness of the local landscape and (i) Local climate and weather.
The ‘landscape and aesthetics’ scale was then constructed as the average score of responses to these items.
</t>
  </si>
  <si>
    <t>Each survey item used to create the 'landscape and aesthetics' scale is presented individually. The questions were measured on a 7-point scale, from 'very poor' (1) to 'very good' (7), and included: 
(i) Attractiveness of the local landscape and (ii) Local climate and weather. Responses are reported as an average and at the proportional level of poor/neither/good.</t>
  </si>
  <si>
    <t xml:space="preserve">Perceived environmental health was measured by asking survey participants (i) the extent to which 'Health of the local environment' was good or poor on a scale from 'very poor' (1) to 'very good' (7), and the extent to which 'Environmental degradation' was a problem on a scale from 'not a problem' (1) to 'very big problem' (7). The average score of these variables was calculated as a measure of perceived environmental health. Scores for the second item were reversed before calculation of the scale, so that a score of 1 represented poor environmental health, and a score of 7 represented good environmental health.
</t>
  </si>
  <si>
    <t>The community wellbeing questions were measured on a 7-point scale, from 'strongly disagree' (1) to 'strongly agree' (7), and included: 
(i) This community copes well when faced with challenges, (ii) I would recommend my community to others as a good place to live. 
Responses are reported as an average and at the proportional level of disagree/neither/agree.</t>
  </si>
  <si>
    <t>Migration questions were measured using two 7-point scales. One measured the level of agreement from 'strongly disagree' (1) to 'strongly agree' (7), and included 'If I could, I would shift to live in another community'. 
The other measured the extent of problems/challenges in their community at the moment on a scale from 'not a problem' (1)  to  'very big problem' (7) and included 'People shifting away from the area'.
Responses are reported as an average and at the proportional level of disagree/neither/agree and not a problem/low problem/moderate problem/problem.</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are reported at the proportional level of disagree/neither/agree.</t>
  </si>
  <si>
    <t>Respondents were asked ‘how would you rate your general health?’, and asked to select one of the following options: poor, fair, good, very good or excellent. 
Responses are reported  as an average and as the % providing each response.</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ndividual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The human capital available to communities was measured by asking survey participants how much they agreed with the following statement, from 'strongly disagree' (1) to 'strongly agree' (7): (i) 'Local groups and organisations around here are good at getting things done'. Responses are reported at the proportional level of disagree/neither/agree.</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I can get involved in local decision-making processes if I want to.
Responses are reported at the proportional level of disagree/neither/agree.</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are reported as an average and at the proportional level of disagree/neither/agree.</t>
  </si>
  <si>
    <t>Equity and inclusion was measured by asking survey participants about the extent to which 'Conflict/disagreement between some people' was a problem/challenge in their community on a scale from 'not a problem' (1)  to  'very big problem' (7) and included. Responses to this statement had the scoring reversed, so that low scores indicated poor equity and low inclusion, and high scores indicated high levels of equity and inclusion. 
Responses are reported as an average and at the proportional level of disagree/neither/agree.</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are reported as an average and at the proportional level of poor/moderate/good.</t>
  </si>
  <si>
    <t>Sense of belonging was measured by asking survey participants how much they agreed with the following statement, from 'strongly disagree' (1) to 'strongly agree' (7): (i) I feel welcome here. Responses are reported as an average and at the proportional level of disagree/neither/agree.</t>
  </si>
  <si>
    <t xml:space="preserve">Regional and rural Australians were asked to rate the quality of access to (i) health services and (ii) local schools on a 7-point scale, from 'very poor' (1) to 'very good' (7). 
Responses are reported as an average and at the proportional level of poor/neither/good access.
</t>
  </si>
  <si>
    <t>Telecommunications items are reported individually. Each was measured on a 7-point scale, from 'very poor' (1) to 'very good' (7), and included: 
(i) How good or poor are the following things in your local region at the moment - Mobile phone reception and (ii) Internet access
Responses are reported at the proportional level of poor/neither/good access.</t>
  </si>
  <si>
    <t>Each individual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Each individual item used to create the 'perceived environmental health' scale is presented individually, together with an additional item asking about perceptions of water quality. 
The questions were measured on two different 7-point scales.  (i) Water quality in local rivers and lakes; (ii) Health of local environment were measured using a 7 point scale 'very poor' (1) to 'very good' (7); and; (iii) Environmental degradation was measured on a scale of 'not a problem' (1) to 'very big problem' (7).
Responses are reported at the proportional level of poor/neither/good access and not a problem/neither/proble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5">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
      <sz val="11"/>
      <color theme="1"/>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xf numFmtId="9" fontId="34" fillId="0" borderId="0" applyFont="0" applyFill="0" applyBorder="0" applyAlignment="0" applyProtection="0"/>
  </cellStyleXfs>
  <cellXfs count="410">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8" applyFont="1" applyFill="1" applyBorder="1" applyAlignment="1">
      <alignment horizontal="left" vertical="top" wrapText="1"/>
    </xf>
    <xf numFmtId="168" fontId="18" fillId="6" borderId="1" xfId="28" applyNumberFormat="1" applyFont="1" applyFill="1" applyBorder="1" applyAlignment="1">
      <alignment horizontal="left" vertical="top" wrapText="1"/>
    </xf>
    <xf numFmtId="168" fontId="19" fillId="6" borderId="1" xfId="28"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8"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8"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8"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8" quotePrefix="1" applyFont="1" applyFill="1" applyBorder="1" applyAlignment="1">
      <alignment horizontal="left" vertical="top" wrapText="1"/>
    </xf>
    <xf numFmtId="0" fontId="18" fillId="7" borderId="1" xfId="28" applyFont="1" applyFill="1" applyBorder="1" applyAlignment="1">
      <alignment horizontal="left" vertical="top" wrapText="1"/>
    </xf>
    <xf numFmtId="168" fontId="18" fillId="7" borderId="1" xfId="28" applyNumberFormat="1" applyFont="1" applyFill="1" applyBorder="1" applyAlignment="1">
      <alignment horizontal="left" vertical="top" wrapText="1"/>
    </xf>
    <xf numFmtId="168" fontId="19" fillId="7" borderId="1" xfId="28"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8"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2"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5" fontId="20" fillId="0" borderId="1" xfId="29"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5" fontId="20" fillId="4" borderId="1" xfId="29"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29"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7" fontId="19" fillId="7" borderId="1" xfId="28" applyNumberFormat="1" applyFont="1" applyFill="1" applyBorder="1" applyAlignment="1">
      <alignment horizontal="left" vertical="top" wrapText="1"/>
    </xf>
    <xf numFmtId="167" fontId="19" fillId="6" borderId="1" xfId="28"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7"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3" applyNumberFormat="1" applyFont="1" applyFill="1" applyBorder="1" applyAlignment="1">
      <alignment horizontal="left" vertical="center"/>
    </xf>
    <xf numFmtId="168" fontId="20"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3" applyNumberFormat="1" applyFont="1" applyFill="1" applyBorder="1" applyAlignment="1">
      <alignment horizontal="left" vertical="center"/>
    </xf>
    <xf numFmtId="164" fontId="20" fillId="0" borderId="1" xfId="33" applyNumberFormat="1" applyFont="1" applyFill="1" applyBorder="1" applyAlignment="1">
      <alignment horizontal="left" vertical="center"/>
    </xf>
    <xf numFmtId="164" fontId="20" fillId="4" borderId="1" xfId="33"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8"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8"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6" applyNumberFormat="1" applyFont="1" applyFill="1" applyBorder="1" applyAlignment="1">
      <alignment horizontal="left" vertical="center"/>
    </xf>
    <xf numFmtId="164" fontId="20" fillId="0" borderId="1" xfId="36" applyNumberFormat="1" applyFont="1" applyFill="1" applyBorder="1" applyAlignment="1">
      <alignment horizontal="left" vertical="center"/>
    </xf>
    <xf numFmtId="165" fontId="20" fillId="4" borderId="1" xfId="36" applyNumberFormat="1" applyFont="1" applyFill="1" applyBorder="1" applyAlignment="1">
      <alignment horizontal="left" vertical="center"/>
    </xf>
    <xf numFmtId="164" fontId="20" fillId="4" borderId="1" xfId="36"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1" applyNumberFormat="1" applyFont="1" applyFill="1" applyBorder="1" applyAlignment="1">
      <alignment horizontal="left" vertical="center"/>
    </xf>
    <xf numFmtId="165" fontId="20" fillId="4" borderId="1" xfId="31" applyNumberFormat="1" applyFont="1" applyFill="1" applyBorder="1" applyAlignment="1">
      <alignment horizontal="left" vertical="center"/>
    </xf>
    <xf numFmtId="164" fontId="20" fillId="0" borderId="1" xfId="31" applyNumberFormat="1" applyFont="1" applyFill="1" applyBorder="1" applyAlignment="1">
      <alignment horizontal="left" vertical="center"/>
    </xf>
    <xf numFmtId="164" fontId="20" fillId="4" borderId="1" xfId="31"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164" fontId="20" fillId="0" borderId="1" xfId="17" applyNumberFormat="1" applyFont="1" applyFill="1" applyBorder="1" applyAlignment="1">
      <alignment horizontal="left" vertical="center"/>
    </xf>
    <xf numFmtId="164" fontId="20"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vertical="center" wrapText="1"/>
    </xf>
    <xf numFmtId="0" fontId="5" fillId="3" borderId="0" xfId="0" applyFont="1" applyFill="1" applyAlignment="1">
      <alignment horizontal="left" wrapText="1"/>
    </xf>
    <xf numFmtId="0" fontId="5" fillId="3" borderId="0" xfId="0" applyFont="1" applyFill="1" applyBorder="1" applyAlignment="1">
      <alignment vertical="top" wrapText="1"/>
    </xf>
    <xf numFmtId="0" fontId="5" fillId="3" borderId="0" xfId="0" applyFont="1" applyFill="1" applyBorder="1" applyAlignment="1">
      <alignmen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applyAlignment="1">
      <alignment horizontal="left"/>
    </xf>
    <xf numFmtId="0" fontId="32" fillId="3" borderId="0" xfId="1" applyFont="1" applyFill="1"/>
    <xf numFmtId="0" fontId="32" fillId="3" borderId="0" xfId="1" quotePrefix="1" applyFont="1" applyFill="1"/>
    <xf numFmtId="1" fontId="32" fillId="3" borderId="0" xfId="1" applyNumberFormat="1" applyFont="1" applyFill="1" applyAlignment="1">
      <alignment horizontal="left"/>
    </xf>
    <xf numFmtId="0" fontId="33" fillId="3" borderId="0" xfId="0" applyFont="1" applyFill="1" applyAlignment="1">
      <alignment horizontal="left" wrapText="1"/>
    </xf>
    <xf numFmtId="0" fontId="26"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5" fillId="0" borderId="0" xfId="3"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165" fontId="20" fillId="0" borderId="0" xfId="23" applyNumberFormat="1" applyFont="1" applyFill="1" applyBorder="1" applyAlignment="1">
      <alignment horizontal="left" vertical="center"/>
    </xf>
    <xf numFmtId="166" fontId="20" fillId="0" borderId="0" xfId="23" applyNumberFormat="1" applyFont="1" applyFill="1" applyBorder="1" applyAlignment="1">
      <alignment horizontal="left" vertical="center"/>
    </xf>
    <xf numFmtId="164" fontId="20" fillId="0" borderId="0" xfId="23" applyNumberFormat="1" applyFont="1" applyFill="1" applyBorder="1" applyAlignment="1">
      <alignment horizontal="left" vertical="center"/>
    </xf>
    <xf numFmtId="0" fontId="15" fillId="0" borderId="0" xfId="4" quotePrefix="1" applyFont="1" applyFill="1" applyBorder="1" applyAlignment="1">
      <alignment vertical="top" wrapText="1"/>
    </xf>
    <xf numFmtId="0" fontId="14" fillId="0" borderId="0" xfId="0" applyFont="1" applyFill="1" applyBorder="1" applyAlignment="1">
      <alignment horizontal="left" vertical="top"/>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0" fontId="15" fillId="0" borderId="0" xfId="3" applyFont="1" applyFill="1" applyBorder="1" applyAlignment="1">
      <alignment vertical="top" wrapText="1"/>
    </xf>
    <xf numFmtId="167" fontId="19" fillId="7" borderId="3" xfId="28"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28" applyFont="1" applyFill="1" applyBorder="1" applyAlignment="1">
      <alignment vertical="top" wrapText="1"/>
    </xf>
    <xf numFmtId="167" fontId="15" fillId="0" borderId="0" xfId="28" applyNumberFormat="1" applyFont="1" applyFill="1" applyBorder="1" applyAlignment="1">
      <alignment vertical="top" wrapText="1"/>
    </xf>
    <xf numFmtId="167" fontId="14" fillId="0" borderId="0" xfId="0" applyNumberFormat="1" applyFont="1" applyFill="1" applyBorder="1" applyAlignment="1">
      <alignment vertical="top"/>
    </xf>
    <xf numFmtId="0" fontId="15" fillId="0" borderId="0" xfId="5" quotePrefix="1" applyFont="1" applyFill="1" applyBorder="1" applyAlignment="1">
      <alignment vertical="top" wrapText="1"/>
    </xf>
    <xf numFmtId="0" fontId="19" fillId="6" borderId="1" xfId="28"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8"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8"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8" applyNumberFormat="1" applyFont="1" applyFill="1" applyBorder="1" applyAlignment="1">
      <alignment horizontal="left" vertical="center"/>
    </xf>
    <xf numFmtId="167" fontId="20" fillId="4" borderId="1" xfId="28"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2" applyNumberFormat="1" applyFont="1" applyFill="1" applyBorder="1" applyAlignment="1">
      <alignment horizontal="left" vertical="center"/>
    </xf>
    <xf numFmtId="167" fontId="20" fillId="0" borderId="1" xfId="32"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2" applyNumberFormat="1" applyFont="1" applyFill="1" applyBorder="1" applyAlignment="1">
      <alignment horizontal="left" vertical="center"/>
    </xf>
    <xf numFmtId="167" fontId="20" fillId="4" borderId="1" xfId="32"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 fontId="20" fillId="0" borderId="1" xfId="25" applyNumberFormat="1" applyFont="1" applyFill="1" applyBorder="1" applyAlignment="1">
      <alignment horizontal="left" vertical="center"/>
    </xf>
    <xf numFmtId="1" fontId="20" fillId="4" borderId="1" xfId="35" applyNumberFormat="1" applyFont="1" applyFill="1" applyBorder="1" applyAlignment="1">
      <alignment horizontal="left" vertical="center"/>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vertical="top" wrapText="1"/>
    </xf>
    <xf numFmtId="0" fontId="26" fillId="3" borderId="0" xfId="0" applyFont="1" applyFill="1" applyBorder="1" applyAlignment="1">
      <alignment vertical="top" wrapText="1"/>
    </xf>
    <xf numFmtId="0" fontId="26" fillId="3" borderId="0" xfId="0" applyFont="1" applyFill="1" applyAlignment="1">
      <alignment vertical="center" wrapText="1"/>
    </xf>
    <xf numFmtId="0" fontId="5" fillId="2" borderId="0" xfId="0" applyFont="1" applyFill="1" applyAlignment="1">
      <alignment wrapText="1"/>
    </xf>
    <xf numFmtId="165" fontId="20" fillId="0" borderId="0" xfId="15" applyNumberFormat="1" applyFont="1" applyFill="1" applyBorder="1" applyAlignment="1">
      <alignment horizontal="left" vertical="center"/>
    </xf>
    <xf numFmtId="168" fontId="20" fillId="0" borderId="0" xfId="28" applyNumberFormat="1" applyFont="1" applyFill="1" applyBorder="1" applyAlignment="1">
      <alignment horizontal="left" vertical="center"/>
    </xf>
    <xf numFmtId="168" fontId="22" fillId="0" borderId="0" xfId="15" applyNumberFormat="1" applyFont="1" applyFill="1" applyBorder="1" applyAlignment="1">
      <alignment horizontal="left" vertical="center"/>
    </xf>
    <xf numFmtId="167" fontId="20" fillId="0" borderId="0" xfId="28" applyNumberFormat="1" applyFont="1" applyFill="1" applyBorder="1" applyAlignment="1">
      <alignment horizontal="left" vertical="center"/>
    </xf>
    <xf numFmtId="167" fontId="22" fillId="0" borderId="0" xfId="15" applyNumberFormat="1" applyFont="1" applyFill="1" applyBorder="1" applyAlignment="1">
      <alignment horizontal="left" vertical="center"/>
    </xf>
    <xf numFmtId="165" fontId="20" fillId="0" borderId="0" xfId="22" applyNumberFormat="1" applyFont="1" applyFill="1" applyBorder="1" applyAlignment="1">
      <alignment horizontal="left" vertical="center"/>
    </xf>
    <xf numFmtId="168" fontId="20" fillId="0" borderId="0" xfId="22" applyNumberFormat="1" applyFont="1" applyFill="1" applyBorder="1" applyAlignment="1">
      <alignment horizontal="left" vertical="center"/>
    </xf>
    <xf numFmtId="168" fontId="22" fillId="0" borderId="0" xfId="22" applyNumberFormat="1" applyFont="1" applyFill="1" applyBorder="1" applyAlignment="1">
      <alignment horizontal="left" vertical="center"/>
    </xf>
    <xf numFmtId="167" fontId="20" fillId="0" borderId="0" xfId="22" applyNumberFormat="1" applyFont="1" applyFill="1" applyBorder="1" applyAlignment="1">
      <alignment horizontal="left" vertical="center"/>
    </xf>
    <xf numFmtId="167" fontId="22" fillId="0" borderId="0" xfId="22" applyNumberFormat="1" applyFont="1" applyFill="1" applyBorder="1" applyAlignment="1">
      <alignment horizontal="left" vertical="center"/>
    </xf>
    <xf numFmtId="167" fontId="0" fillId="0" borderId="0" xfId="38" applyNumberFormat="1" applyFont="1"/>
    <xf numFmtId="167" fontId="0" fillId="0" borderId="0" xfId="38" applyNumberFormat="1" applyFont="1" applyFill="1"/>
    <xf numFmtId="167" fontId="19" fillId="6" borderId="1" xfId="38" applyNumberFormat="1" applyFont="1" applyFill="1" applyBorder="1" applyAlignment="1">
      <alignment horizontal="left" vertical="top" wrapText="1"/>
    </xf>
    <xf numFmtId="167" fontId="22" fillId="6" borderId="1" xfId="38" applyNumberFormat="1" applyFont="1" applyFill="1" applyBorder="1" applyAlignment="1">
      <alignment horizontal="left" vertical="top" wrapText="1"/>
    </xf>
    <xf numFmtId="167" fontId="22" fillId="0" borderId="1" xfId="38" applyNumberFormat="1" applyFont="1" applyFill="1" applyBorder="1" applyAlignment="1">
      <alignment horizontal="left" vertical="center"/>
    </xf>
    <xf numFmtId="167" fontId="22" fillId="4" borderId="1" xfId="38" applyNumberFormat="1" applyFont="1" applyFill="1" applyBorder="1" applyAlignment="1">
      <alignment horizontal="left" vertical="center"/>
    </xf>
    <xf numFmtId="167" fontId="19" fillId="7" borderId="1" xfId="38" applyNumberFormat="1" applyFont="1" applyFill="1" applyBorder="1" applyAlignment="1">
      <alignment horizontal="left" vertical="top" wrapText="1"/>
    </xf>
    <xf numFmtId="167" fontId="22" fillId="7" borderId="1" xfId="38" applyNumberFormat="1" applyFont="1" applyFill="1" applyBorder="1" applyAlignment="1">
      <alignment horizontal="left" vertical="top" wrapText="1"/>
    </xf>
    <xf numFmtId="0" fontId="15" fillId="0" borderId="2" xfId="3" quotePrefix="1" applyFont="1" applyFill="1" applyBorder="1" applyAlignment="1">
      <alignment horizontal="left" vertical="top" wrapText="1"/>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0" fontId="8" fillId="3" borderId="0" xfId="0" applyFont="1" applyFill="1" applyAlignment="1">
      <alignment horizontal="left"/>
    </xf>
    <xf numFmtId="0" fontId="13" fillId="3" borderId="0" xfId="0" applyFont="1" applyFill="1" applyAlignment="1">
      <alignment horizontal="left"/>
    </xf>
    <xf numFmtId="0" fontId="16" fillId="5" borderId="3" xfId="28" quotePrefix="1" applyFont="1" applyFill="1" applyBorder="1" applyAlignment="1">
      <alignment horizontal="center" vertical="top" wrapText="1"/>
    </xf>
    <xf numFmtId="0" fontId="16" fillId="5" borderId="4" xfId="28" quotePrefix="1" applyFont="1" applyFill="1" applyBorder="1" applyAlignment="1">
      <alignment horizontal="center" vertical="top" wrapText="1"/>
    </xf>
    <xf numFmtId="0" fontId="16" fillId="5" borderId="5" xfId="28" quotePrefix="1" applyFont="1" applyFill="1" applyBorder="1" applyAlignment="1">
      <alignment horizontal="center" vertical="top" wrapText="1"/>
    </xf>
    <xf numFmtId="0" fontId="15" fillId="0" borderId="0" xfId="28" applyFont="1" applyFill="1" applyBorder="1" applyAlignment="1">
      <alignment horizontal="left" vertical="top" wrapText="1"/>
    </xf>
    <xf numFmtId="0" fontId="14" fillId="4" borderId="0" xfId="0" applyFont="1" applyFill="1" applyBorder="1" applyAlignment="1">
      <alignment horizontal="left" vertical="top"/>
    </xf>
    <xf numFmtId="0" fontId="15" fillId="0" borderId="0" xfId="28" quotePrefix="1" applyFont="1" applyFill="1" applyBorder="1" applyAlignment="1">
      <alignment horizontal="left" vertical="top" wrapText="1"/>
    </xf>
    <xf numFmtId="0" fontId="15" fillId="0" borderId="2" xfId="28" quotePrefix="1" applyFont="1" applyFill="1" applyBorder="1" applyAlignment="1">
      <alignment horizontal="left" vertical="top" wrapText="1"/>
    </xf>
    <xf numFmtId="0" fontId="16" fillId="5" borderId="3" xfId="28" quotePrefix="1" applyFont="1" applyFill="1" applyBorder="1" applyAlignment="1">
      <alignment vertical="top" wrapText="1"/>
    </xf>
    <xf numFmtId="0" fontId="16" fillId="5" borderId="4" xfId="28" quotePrefix="1" applyFont="1" applyFill="1" applyBorder="1" applyAlignment="1">
      <alignment vertical="top" wrapText="1"/>
    </xf>
    <xf numFmtId="0" fontId="16" fillId="5" borderId="5" xfId="28" quotePrefix="1" applyFont="1" applyFill="1" applyBorder="1" applyAlignment="1">
      <alignment vertical="top" wrapText="1"/>
    </xf>
    <xf numFmtId="0" fontId="16" fillId="5" borderId="6" xfId="28" quotePrefix="1" applyFont="1" applyFill="1" applyBorder="1" applyAlignment="1">
      <alignment horizontal="left" vertical="top" wrapText="1"/>
    </xf>
    <xf numFmtId="0" fontId="16" fillId="5" borderId="2" xfId="28" quotePrefix="1" applyFont="1" applyFill="1" applyBorder="1" applyAlignment="1">
      <alignment horizontal="left" vertical="top" wrapText="1"/>
    </xf>
    <xf numFmtId="0" fontId="14" fillId="4" borderId="0" xfId="0" applyFont="1" applyFill="1" applyBorder="1" applyAlignment="1">
      <alignment vertical="top"/>
    </xf>
    <xf numFmtId="0" fontId="16" fillId="5" borderId="3" xfId="28" quotePrefix="1" applyFont="1" applyFill="1" applyBorder="1" applyAlignment="1">
      <alignment horizontal="left" vertical="top" wrapText="1"/>
    </xf>
    <xf numFmtId="0" fontId="16" fillId="5" borderId="4" xfId="28" quotePrefix="1" applyFont="1" applyFill="1" applyBorder="1" applyAlignment="1">
      <alignment horizontal="left" vertical="top" wrapText="1"/>
    </xf>
    <xf numFmtId="0" fontId="16" fillId="5" borderId="5" xfId="28" quotePrefix="1"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0" xfId="2" applyFont="1" applyFill="1" applyBorder="1" applyAlignment="1">
      <alignmen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wrapText="1"/>
    </xf>
    <xf numFmtId="0" fontId="16" fillId="5" borderId="5" xfId="26" applyFont="1" applyFill="1" applyBorder="1" applyAlignment="1">
      <alignment horizontal="left" vertical="top" wrapText="1"/>
    </xf>
    <xf numFmtId="0" fontId="16" fillId="5" borderId="3" xfId="26" applyFont="1" applyFill="1" applyBorder="1" applyAlignment="1">
      <alignment vertical="top" wrapText="1"/>
    </xf>
    <xf numFmtId="0" fontId="16" fillId="5" borderId="4" xfId="26" applyFont="1" applyFill="1" applyBorder="1" applyAlignment="1">
      <alignment vertical="top" wrapText="1"/>
    </xf>
    <xf numFmtId="0" fontId="16" fillId="5" borderId="5" xfId="26" applyFont="1" applyFill="1" applyBorder="1" applyAlignment="1">
      <alignment vertical="top" wrapText="1"/>
    </xf>
    <xf numFmtId="0" fontId="15" fillId="0" borderId="0" xfId="28" quotePrefix="1" applyFont="1" applyFill="1" applyBorder="1" applyAlignment="1">
      <alignment vertical="top" wrapText="1"/>
    </xf>
    <xf numFmtId="167" fontId="14" fillId="4" borderId="0" xfId="0" applyNumberFormat="1" applyFont="1" applyFill="1" applyBorder="1" applyAlignment="1">
      <alignment vertical="top"/>
    </xf>
    <xf numFmtId="0" fontId="15" fillId="0" borderId="2" xfId="2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6" applyFont="1" applyFill="1" applyBorder="1" applyAlignment="1">
      <alignment vertical="top" wrapText="1"/>
    </xf>
    <xf numFmtId="0" fontId="16" fillId="5" borderId="2" xfId="6"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6" xfId="5" applyFont="1" applyFill="1" applyBorder="1" applyAlignment="1">
      <alignment vertical="top" wrapText="1"/>
    </xf>
    <xf numFmtId="0" fontId="16" fillId="5" borderId="2" xfId="5" applyFont="1" applyFill="1" applyBorder="1" applyAlignment="1">
      <alignment vertical="top"/>
    </xf>
    <xf numFmtId="0" fontId="15" fillId="0" borderId="0" xfId="5" quotePrefix="1" applyFont="1" applyFill="1" applyBorder="1" applyAlignment="1">
      <alignment vertical="top" wrapText="1"/>
    </xf>
    <xf numFmtId="0" fontId="16" fillId="5" borderId="2" xfId="5" applyFont="1" applyFill="1" applyBorder="1" applyAlignment="1">
      <alignment vertical="top" wrapText="1"/>
    </xf>
    <xf numFmtId="0" fontId="16" fillId="5" borderId="1" xfId="26"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3" xfId="27" applyFont="1" applyFill="1" applyBorder="1" applyAlignment="1">
      <alignment vertical="top" wrapText="1"/>
    </xf>
    <xf numFmtId="0" fontId="16" fillId="5" borderId="4" xfId="27" applyFont="1" applyFill="1" applyBorder="1" applyAlignment="1">
      <alignment vertical="top" wrapText="1"/>
    </xf>
    <xf numFmtId="0" fontId="30" fillId="0" borderId="2" xfId="2" quotePrefix="1" applyFont="1" applyFill="1" applyBorder="1" applyAlignment="1">
      <alignment horizontal="left" vertical="top" wrapText="1"/>
    </xf>
    <xf numFmtId="0" fontId="15" fillId="0" borderId="0" xfId="2"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1" xfId="0" applyFont="1" applyFill="1" applyBorder="1" applyAlignment="1">
      <alignment horizontal="left" vertical="top"/>
    </xf>
    <xf numFmtId="0" fontId="16" fillId="5" borderId="1" xfId="23" applyFont="1" applyFill="1" applyBorder="1" applyAlignment="1">
      <alignment horizontal="left" vertical="top" wrapText="1"/>
    </xf>
    <xf numFmtId="0" fontId="15" fillId="0" borderId="2" xfId="5"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1" xfId="0" applyFont="1" applyFill="1" applyBorder="1" applyAlignment="1">
      <alignment horizontal="left" vertical="top" wrapText="1"/>
    </xf>
    <xf numFmtId="0" fontId="15" fillId="0" borderId="2" xfId="5" quotePrefix="1" applyFont="1" applyFill="1" applyBorder="1" applyAlignment="1">
      <alignment vertical="top" wrapText="1"/>
    </xf>
    <xf numFmtId="0" fontId="16" fillId="5" borderId="3" xfId="0" applyFont="1" applyFill="1" applyBorder="1" applyAlignment="1">
      <alignment vertical="top"/>
    </xf>
    <xf numFmtId="0" fontId="16" fillId="5" borderId="4" xfId="0" applyFont="1" applyFill="1" applyBorder="1" applyAlignment="1">
      <alignment vertical="top"/>
    </xf>
    <xf numFmtId="0" fontId="16" fillId="5" borderId="5" xfId="0" applyFont="1" applyFill="1" applyBorder="1" applyAlignment="1">
      <alignment vertical="top"/>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0" xfId="4" quotePrefix="1" applyFont="1" applyFill="1" applyBorder="1" applyAlignment="1">
      <alignment vertical="top" wrapText="1"/>
    </xf>
    <xf numFmtId="0" fontId="15" fillId="0" borderId="0" xfId="4" quotePrefix="1" applyFont="1" applyFill="1" applyBorder="1" applyAlignment="1">
      <alignment horizontal="left" vertical="top" wrapText="1"/>
    </xf>
    <xf numFmtId="0" fontId="15" fillId="0" borderId="0" xfId="7" quotePrefix="1" applyFont="1" applyFill="1" applyBorder="1" applyAlignment="1">
      <alignment vertical="top" wrapText="1"/>
    </xf>
    <xf numFmtId="0" fontId="15" fillId="0" borderId="2" xfId="4" quotePrefix="1" applyFont="1" applyFill="1" applyBorder="1" applyAlignment="1">
      <alignment vertical="top" wrapText="1"/>
    </xf>
    <xf numFmtId="0" fontId="15" fillId="0" borderId="2" xfId="3" quotePrefix="1" applyFont="1" applyFill="1" applyBorder="1" applyAlignment="1">
      <alignment horizontal="left" vertical="top" wrapText="1"/>
    </xf>
    <xf numFmtId="0" fontId="0" fillId="0" borderId="2" xfId="0" applyBorder="1" applyAlignment="1">
      <alignment horizontal="left" vertical="top" wrapText="1"/>
    </xf>
    <xf numFmtId="0" fontId="15" fillId="0" borderId="0" xfId="3" quotePrefix="1" applyFont="1" applyFill="1" applyBorder="1" applyAlignment="1">
      <alignment horizontal="left" vertical="top" wrapText="1"/>
    </xf>
    <xf numFmtId="0" fontId="15" fillId="0" borderId="0" xfId="3" quotePrefix="1" applyFont="1" applyFill="1" applyBorder="1" applyAlignment="1">
      <alignment vertical="top" wrapText="1"/>
    </xf>
    <xf numFmtId="0" fontId="14" fillId="4" borderId="0" xfId="0" applyFont="1" applyFill="1" applyBorder="1" applyAlignment="1">
      <alignment horizontal="left" vertical="top" wrapText="1"/>
    </xf>
    <xf numFmtId="0" fontId="15" fillId="0" borderId="2" xfId="3" quotePrefix="1" applyFont="1" applyFill="1" applyBorder="1" applyAlignment="1">
      <alignment vertical="top" wrapText="1"/>
    </xf>
  </cellXfs>
  <cellStyles count="39">
    <cellStyle name="Hyperlink" xfId="1" builtinId="8"/>
    <cellStyle name="Normal" xfId="0" builtinId="0"/>
    <cellStyle name="Normal 2" xfId="37"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8000000}"/>
    <cellStyle name="Normal_Equity" xfId="7" xr:uid="{00000000-0005-0000-0000-00000A000000}"/>
    <cellStyle name="Normal_FamilyFriends" xfId="8" xr:uid="{00000000-0005-0000-0000-00000B000000}"/>
    <cellStyle name="Normal_GenHealth" xfId="9" xr:uid="{00000000-0005-0000-0000-00000C000000}"/>
    <cellStyle name="Normal_GettingInvolved" xfId="10" xr:uid="{00000000-0005-0000-0000-00000D000000}"/>
    <cellStyle name="Normal_HouseholdFinance" xfId="11" xr:uid="{00000000-0005-0000-0000-00000E000000}"/>
    <cellStyle name="Normal_HouseholdFinWB" xfId="12" xr:uid="{00000000-0005-0000-0000-00000F000000}"/>
    <cellStyle name="Normal_K10" xfId="13" xr:uid="{00000000-0005-0000-0000-000010000000}"/>
    <cellStyle name="Normal_liveability" xfId="14" xr:uid="{00000000-0005-0000-0000-000011000000}"/>
    <cellStyle name="Normal_Mean2" xfId="15" xr:uid="{00000000-0005-0000-0000-000012000000}"/>
    <cellStyle name="Normal_Migration" xfId="16" xr:uid="{00000000-0005-0000-0000-000013000000}"/>
    <cellStyle name="Normal_NaturalCap" xfId="17" xr:uid="{00000000-0005-0000-0000-000014000000}"/>
    <cellStyle name="Normal_PhysCrime" xfId="18" xr:uid="{00000000-0005-0000-0000-000015000000}"/>
    <cellStyle name="Normal_PhysFinance" xfId="19" xr:uid="{00000000-0005-0000-0000-000016000000}"/>
    <cellStyle name="Normal_PhysLandscape" xfId="20" xr:uid="{00000000-0005-0000-0000-000018000000}"/>
    <cellStyle name="Normal_PhysTelecom" xfId="21" xr:uid="{00000000-0005-0000-0000-00001B000000}"/>
    <cellStyle name="Normal_PWI_1" xfId="22" xr:uid="{00000000-0005-0000-0000-00001C000000}"/>
    <cellStyle name="Normal_Self efficacy" xfId="23" xr:uid="{00000000-0005-0000-0000-00001D000000}"/>
    <cellStyle name="Normal_Sheet1" xfId="24" xr:uid="{00000000-0005-0000-0000-00001E000000}"/>
    <cellStyle name="Normal_Sheet1_1" xfId="25" xr:uid="{00000000-0005-0000-0000-00001F000000}"/>
    <cellStyle name="Normal_Sheet10" xfId="26" xr:uid="{00000000-0005-0000-0000-000020000000}"/>
    <cellStyle name="Normal_Sheet13" xfId="27" xr:uid="{00000000-0005-0000-0000-000022000000}"/>
    <cellStyle name="Normal_Sheet2_1" xfId="28" xr:uid="{00000000-0005-0000-0000-000023000000}"/>
    <cellStyle name="Normal_Sheet4" xfId="29" xr:uid="{00000000-0005-0000-0000-000025000000}"/>
    <cellStyle name="Normal_Sheet5" xfId="30" xr:uid="{00000000-0005-0000-0000-000026000000}"/>
    <cellStyle name="Normal_Sheet5_1" xfId="31" xr:uid="{00000000-0005-0000-0000-000027000000}"/>
    <cellStyle name="Normal_Sheet6" xfId="32" xr:uid="{00000000-0005-0000-0000-000028000000}"/>
    <cellStyle name="Normal_Sheet7" xfId="33" xr:uid="{00000000-0005-0000-0000-000029000000}"/>
    <cellStyle name="Normal_Sheet7_1" xfId="34" xr:uid="{00000000-0005-0000-0000-00002A000000}"/>
    <cellStyle name="Normal_Sheet8" xfId="35" xr:uid="{00000000-0005-0000-0000-00002B000000}"/>
    <cellStyle name="Normal_Volunteering" xfId="36" xr:uid="{00000000-0005-0000-0000-00002C000000}"/>
    <cellStyle name="Percent" xfId="38"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6</xdr:col>
      <xdr:colOff>19050</xdr:colOff>
      <xdr:row>26</xdr:row>
      <xdr:rowOff>144065</xdr:rowOff>
    </xdr:to>
    <xdr:pic>
      <xdr:nvPicPr>
        <xdr:cNvPr id="3" name="Picture 2">
          <a:extLst>
            <a:ext uri="{FF2B5EF4-FFF2-40B4-BE49-F238E27FC236}">
              <a16:creationId xmlns:a16="http://schemas.microsoft.com/office/drawing/2014/main" id="{11DFF72A-0A89-4651-9A2B-7F2DE25B0349}"/>
            </a:ext>
          </a:extLst>
        </xdr:cNvPr>
        <xdr:cNvPicPr>
          <a:picLocks noChangeAspect="1"/>
        </xdr:cNvPicPr>
      </xdr:nvPicPr>
      <xdr:blipFill>
        <a:blip xmlns:r="http://schemas.openxmlformats.org/officeDocument/2006/relationships" r:embed="rId1"/>
        <a:stretch>
          <a:fillRect/>
        </a:stretch>
      </xdr:blipFill>
      <xdr:spPr>
        <a:xfrm>
          <a:off x="0" y="0"/>
          <a:ext cx="9467850" cy="5325665"/>
        </a:xfrm>
        <a:prstGeom prst="rect">
          <a:avLst/>
        </a:prstGeom>
      </xdr:spPr>
    </xdr:pic>
    <xdr:clientData/>
  </xdr:twoCellAnchor>
</xdr:wsDr>
</file>

<file path=xl/theme/theme1.xml><?xml version="1.0" encoding="utf-8"?>
<a:theme xmlns:a="http://schemas.openxmlformats.org/drawingml/2006/main" name="Kilter">
  <a:themeElements>
    <a:clrScheme name="Blue Green">
      <a:dk1>
        <a:sysClr val="windowText" lastClr="000000"/>
      </a:dk1>
      <a:lt1>
        <a:sysClr val="window" lastClr="FFFFFF"/>
      </a:lt1>
      <a:dk2>
        <a:srgbClr val="373545"/>
      </a:dk2>
      <a:lt2>
        <a:srgbClr val="CEDBE6"/>
      </a:lt2>
      <a:accent1>
        <a:srgbClr val="3494BA"/>
      </a:accent1>
      <a:accent2>
        <a:srgbClr val="58B6C0"/>
      </a:accent2>
      <a:accent3>
        <a:srgbClr val="75BDA7"/>
      </a:accent3>
      <a:accent4>
        <a:srgbClr val="7A8C8E"/>
      </a:accent4>
      <a:accent5>
        <a:srgbClr val="84ACB6"/>
      </a:accent5>
      <a:accent6>
        <a:srgbClr val="2683C6"/>
      </a:accent6>
      <a:hlink>
        <a:srgbClr val="6B9F25"/>
      </a:hlink>
      <a:folHlink>
        <a:srgbClr val="9F6715"/>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T22" sqref="T22"/>
    </sheetView>
  </sheetViews>
  <sheetFormatPr defaultColWidth="8.85546875" defaultRowHeight="15"/>
  <cols>
    <col min="1" max="16384" width="8.85546875" style="2"/>
  </cols>
  <sheetData>
    <row r="1" spans="11:19" ht="23.25">
      <c r="Q1" s="225"/>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D211"/>
  <sheetViews>
    <sheetView topLeftCell="A199" zoomScaleNormal="100" workbookViewId="0">
      <selection activeCell="A184" sqref="A184:L184"/>
    </sheetView>
  </sheetViews>
  <sheetFormatPr defaultColWidth="18.5703125" defaultRowHeight="15"/>
  <cols>
    <col min="1" max="1" width="36.85546875" customWidth="1"/>
  </cols>
  <sheetData>
    <row r="1" spans="1:4" ht="31.5">
      <c r="A1" s="33" t="s">
        <v>45</v>
      </c>
    </row>
    <row r="3" spans="1:4" ht="18.75">
      <c r="A3" s="335" t="s">
        <v>12</v>
      </c>
      <c r="B3" s="335"/>
      <c r="C3" s="335"/>
      <c r="D3" s="335"/>
    </row>
    <row r="4" spans="1:4" ht="106.15" customHeight="1">
      <c r="A4" s="401" t="s">
        <v>492</v>
      </c>
      <c r="B4" s="401"/>
      <c r="C4" s="401"/>
      <c r="D4" s="401"/>
    </row>
    <row r="5" spans="1:4" ht="42" customHeight="1">
      <c r="A5" s="383" t="s">
        <v>148</v>
      </c>
      <c r="B5" s="383"/>
      <c r="C5" s="383"/>
      <c r="D5" s="383"/>
    </row>
    <row r="6" spans="1:4" ht="36.75" customHeight="1">
      <c r="A6" s="37" t="s">
        <v>85</v>
      </c>
      <c r="B6" s="38" t="s">
        <v>86</v>
      </c>
      <c r="C6" s="39" t="s">
        <v>87</v>
      </c>
      <c r="D6" s="40" t="s">
        <v>88</v>
      </c>
    </row>
    <row r="7" spans="1:4" ht="75.75" customHeight="1">
      <c r="A7" s="41"/>
      <c r="B7" s="42" t="s">
        <v>89</v>
      </c>
      <c r="C7" s="125" t="s">
        <v>149</v>
      </c>
      <c r="D7" s="44" t="s">
        <v>91</v>
      </c>
    </row>
    <row r="8" spans="1:4">
      <c r="A8" s="45" t="s">
        <v>424</v>
      </c>
      <c r="B8" s="167">
        <v>8622</v>
      </c>
      <c r="C8" s="84">
        <v>4.4000000000000004</v>
      </c>
      <c r="D8" s="85">
        <v>1.9599999999999999E-2</v>
      </c>
    </row>
    <row r="9" spans="1:4">
      <c r="A9" s="49" t="s">
        <v>425</v>
      </c>
      <c r="B9" s="49">
        <v>7978</v>
      </c>
      <c r="C9" s="169">
        <v>4.3280430000000001</v>
      </c>
      <c r="D9" s="129">
        <v>5.7529919999999998E-2</v>
      </c>
    </row>
    <row r="10" spans="1:4">
      <c r="A10" s="45" t="s">
        <v>426</v>
      </c>
      <c r="B10" s="53">
        <v>777</v>
      </c>
      <c r="C10" s="84">
        <v>4.37</v>
      </c>
      <c r="D10" s="85">
        <v>9.8000000000000004E-2</v>
      </c>
    </row>
    <row r="11" spans="1:4">
      <c r="A11" s="49" t="s">
        <v>427</v>
      </c>
      <c r="B11" s="49">
        <v>6288</v>
      </c>
      <c r="C11" s="169">
        <v>4.4000000000000004</v>
      </c>
      <c r="D11" s="129">
        <v>0</v>
      </c>
    </row>
    <row r="12" spans="1:4">
      <c r="A12" s="45" t="s">
        <v>428</v>
      </c>
      <c r="B12" s="53">
        <v>2336</v>
      </c>
      <c r="C12" s="84">
        <v>4.4000000000000004</v>
      </c>
      <c r="D12" s="85">
        <v>0</v>
      </c>
    </row>
    <row r="13" spans="1:4">
      <c r="A13" s="49" t="s">
        <v>429</v>
      </c>
      <c r="B13" s="49">
        <v>564</v>
      </c>
      <c r="C13" s="169">
        <v>4.3</v>
      </c>
      <c r="D13" s="129">
        <v>0.19600000000000001</v>
      </c>
    </row>
    <row r="14" spans="1:4">
      <c r="A14" s="45" t="s">
        <v>430</v>
      </c>
      <c r="B14" s="53">
        <v>1484</v>
      </c>
      <c r="C14" s="84">
        <v>4.4000000000000004</v>
      </c>
      <c r="D14" s="85">
        <v>0</v>
      </c>
    </row>
    <row r="15" spans="1:4">
      <c r="A15" s="49" t="s">
        <v>431</v>
      </c>
      <c r="B15" s="49">
        <v>216</v>
      </c>
      <c r="C15" s="169">
        <v>4.5</v>
      </c>
      <c r="D15" s="129">
        <v>0.19600000000000001</v>
      </c>
    </row>
    <row r="16" spans="1:4">
      <c r="A16" s="45" t="s">
        <v>432</v>
      </c>
      <c r="B16" s="53">
        <v>517</v>
      </c>
      <c r="C16" s="84">
        <v>4</v>
      </c>
      <c r="D16" s="85">
        <v>0.19600000000000001</v>
      </c>
    </row>
    <row r="17" spans="1:25">
      <c r="A17" s="49" t="s">
        <v>433</v>
      </c>
      <c r="B17" s="49">
        <v>664</v>
      </c>
      <c r="C17" s="169">
        <v>4.5</v>
      </c>
      <c r="D17" s="129">
        <v>0</v>
      </c>
    </row>
    <row r="18" spans="1:25">
      <c r="A18" s="45" t="s">
        <v>434</v>
      </c>
      <c r="B18" s="167">
        <v>918</v>
      </c>
      <c r="C18" s="84">
        <v>4.8</v>
      </c>
      <c r="D18" s="85">
        <v>0</v>
      </c>
    </row>
    <row r="19" spans="1:25">
      <c r="A19" s="49" t="s">
        <v>435</v>
      </c>
      <c r="B19" s="168">
        <v>677</v>
      </c>
      <c r="C19" s="169">
        <v>4.3</v>
      </c>
      <c r="D19" s="129">
        <v>0</v>
      </c>
    </row>
    <row r="20" spans="1:25">
      <c r="A20" s="45" t="s">
        <v>436</v>
      </c>
      <c r="B20" s="83">
        <v>125</v>
      </c>
      <c r="C20" s="84">
        <v>3.8</v>
      </c>
      <c r="D20" s="85">
        <v>0.19600000000000001</v>
      </c>
      <c r="P20" s="248"/>
      <c r="Q20" s="248"/>
      <c r="R20" s="248"/>
      <c r="S20" s="248"/>
      <c r="T20" s="248"/>
      <c r="U20" s="248"/>
      <c r="V20" s="248"/>
      <c r="W20" s="248"/>
      <c r="X20" s="248"/>
      <c r="Y20" s="248"/>
    </row>
    <row r="21" spans="1:25">
      <c r="A21" s="49" t="s">
        <v>437</v>
      </c>
      <c r="B21" s="168">
        <v>137</v>
      </c>
      <c r="C21" s="169">
        <v>4.5</v>
      </c>
      <c r="D21" s="129">
        <v>0.19600000000000001</v>
      </c>
      <c r="P21" s="248"/>
      <c r="Q21" s="248"/>
      <c r="R21" s="248"/>
      <c r="S21" s="248"/>
      <c r="T21" s="248"/>
      <c r="U21" s="248"/>
      <c r="V21" s="248"/>
      <c r="W21" s="248"/>
      <c r="X21" s="248"/>
      <c r="Y21" s="248"/>
    </row>
    <row r="22" spans="1:25" ht="25.5">
      <c r="A22" s="45" t="s">
        <v>438</v>
      </c>
      <c r="B22" s="167">
        <v>232</v>
      </c>
      <c r="C22" s="84">
        <v>4.4000000000000004</v>
      </c>
      <c r="D22" s="85">
        <v>0.19600000000000001</v>
      </c>
      <c r="P22" s="248"/>
      <c r="Q22" s="248"/>
      <c r="R22" s="248"/>
      <c r="S22" s="248"/>
      <c r="T22" s="248"/>
      <c r="U22" s="248"/>
      <c r="V22" s="248"/>
      <c r="W22" s="248"/>
      <c r="X22" s="248"/>
      <c r="Y22" s="248"/>
    </row>
    <row r="23" spans="1:25">
      <c r="A23" s="49" t="s">
        <v>439</v>
      </c>
      <c r="B23" s="168">
        <v>380</v>
      </c>
      <c r="C23" s="169">
        <v>4.5999999999999996</v>
      </c>
      <c r="D23" s="129">
        <v>0.19600000000000001</v>
      </c>
      <c r="P23" s="248"/>
      <c r="Q23" s="248"/>
      <c r="R23" s="248"/>
      <c r="S23" s="248"/>
      <c r="T23" s="248"/>
      <c r="U23" s="248"/>
      <c r="V23" s="248"/>
      <c r="W23" s="248"/>
      <c r="X23" s="248"/>
      <c r="Y23" s="248"/>
    </row>
    <row r="24" spans="1:25">
      <c r="A24" s="45" t="s">
        <v>440</v>
      </c>
      <c r="B24" s="167">
        <v>389</v>
      </c>
      <c r="C24" s="84">
        <v>4.5</v>
      </c>
      <c r="D24" s="85">
        <v>0.19600000000000001</v>
      </c>
      <c r="P24" s="248"/>
      <c r="Q24" s="248"/>
      <c r="R24" s="248"/>
      <c r="S24" s="248"/>
      <c r="T24" s="248"/>
      <c r="U24" s="248"/>
      <c r="V24" s="248"/>
      <c r="W24" s="248"/>
      <c r="X24" s="248"/>
      <c r="Y24" s="248"/>
    </row>
    <row r="25" spans="1:25">
      <c r="A25" s="49" t="s">
        <v>441</v>
      </c>
      <c r="B25" s="168">
        <v>267</v>
      </c>
      <c r="C25" s="169">
        <v>4.4000000000000004</v>
      </c>
      <c r="D25" s="129">
        <v>0.19600000000000001</v>
      </c>
      <c r="P25" s="248"/>
      <c r="Q25" s="248"/>
      <c r="R25" s="248"/>
      <c r="S25" s="248"/>
      <c r="T25" s="248"/>
      <c r="U25" s="248"/>
      <c r="V25" s="248"/>
      <c r="W25" s="248"/>
      <c r="X25" s="248"/>
      <c r="Y25" s="248"/>
    </row>
    <row r="26" spans="1:25">
      <c r="A26" s="45" t="s">
        <v>442</v>
      </c>
      <c r="B26" s="167">
        <v>711</v>
      </c>
      <c r="C26" s="84">
        <v>4.3</v>
      </c>
      <c r="D26" s="85">
        <v>0</v>
      </c>
      <c r="P26" s="248"/>
      <c r="Q26" s="248"/>
      <c r="R26" s="248"/>
      <c r="S26" s="248"/>
      <c r="T26" s="248"/>
      <c r="U26" s="248"/>
      <c r="V26" s="248"/>
      <c r="W26" s="248"/>
      <c r="X26" s="248"/>
      <c r="Y26" s="248"/>
    </row>
    <row r="27" spans="1:25">
      <c r="A27" s="49" t="s">
        <v>443</v>
      </c>
      <c r="B27" s="168">
        <v>946</v>
      </c>
      <c r="C27" s="169">
        <v>4.5999999999999996</v>
      </c>
      <c r="D27" s="129">
        <v>0</v>
      </c>
      <c r="P27" s="248"/>
      <c r="Q27" s="248"/>
      <c r="R27" s="248"/>
      <c r="S27" s="248"/>
      <c r="T27" s="248"/>
      <c r="U27" s="248"/>
      <c r="V27" s="248"/>
      <c r="W27" s="248"/>
      <c r="X27" s="248"/>
      <c r="Y27" s="248"/>
    </row>
    <row r="28" spans="1:25">
      <c r="A28" s="45" t="s">
        <v>444</v>
      </c>
      <c r="B28" s="167">
        <v>261</v>
      </c>
      <c r="C28" s="84">
        <v>4.5</v>
      </c>
      <c r="D28" s="85">
        <v>0.19600000000000001</v>
      </c>
      <c r="P28" s="248"/>
      <c r="Q28" s="248"/>
      <c r="R28" s="248"/>
      <c r="S28" s="248"/>
      <c r="T28" s="248"/>
      <c r="U28" s="248"/>
      <c r="V28" s="248"/>
      <c r="W28" s="248"/>
      <c r="X28" s="248"/>
      <c r="Y28" s="248"/>
    </row>
    <row r="29" spans="1:25">
      <c r="A29" s="49" t="s">
        <v>445</v>
      </c>
      <c r="B29" s="168">
        <v>180</v>
      </c>
      <c r="C29" s="169">
        <v>4.4000000000000004</v>
      </c>
      <c r="D29" s="129">
        <v>0.19600000000000001</v>
      </c>
      <c r="P29" s="248"/>
      <c r="Q29" s="248"/>
      <c r="R29" s="248"/>
      <c r="S29" s="248"/>
      <c r="T29" s="248"/>
      <c r="U29" s="248"/>
      <c r="V29" s="248"/>
      <c r="W29" s="248"/>
      <c r="X29" s="248"/>
      <c r="Y29" s="248"/>
    </row>
    <row r="30" spans="1:25">
      <c r="A30" s="45" t="s">
        <v>446</v>
      </c>
      <c r="B30" s="167">
        <v>154</v>
      </c>
      <c r="C30" s="84">
        <v>4.3</v>
      </c>
      <c r="D30" s="85">
        <v>0.19600000000000001</v>
      </c>
      <c r="P30" s="248"/>
      <c r="Q30" s="248"/>
      <c r="R30" s="248"/>
      <c r="S30" s="248"/>
      <c r="T30" s="248"/>
      <c r="U30" s="248"/>
      <c r="V30" s="248"/>
      <c r="W30" s="248"/>
      <c r="X30" s="248"/>
      <c r="Y30" s="248"/>
    </row>
    <row r="31" spans="1:25">
      <c r="A31" s="49" t="s">
        <v>447</v>
      </c>
      <c r="B31" s="168">
        <v>76</v>
      </c>
      <c r="C31" s="169">
        <v>4</v>
      </c>
      <c r="D31" s="129">
        <v>0.39200000000000002</v>
      </c>
      <c r="P31" s="248"/>
      <c r="Q31" s="248"/>
      <c r="R31" s="248"/>
      <c r="S31" s="248"/>
      <c r="T31" s="248"/>
      <c r="U31" s="248"/>
      <c r="V31" s="248"/>
      <c r="W31" s="248"/>
      <c r="X31" s="248"/>
      <c r="Y31" s="248"/>
    </row>
    <row r="32" spans="1:25">
      <c r="P32" s="248"/>
      <c r="Q32" s="248"/>
      <c r="R32" s="248"/>
      <c r="S32" s="248"/>
      <c r="T32" s="248"/>
      <c r="U32" s="248"/>
      <c r="V32" s="248"/>
      <c r="W32" s="248"/>
      <c r="X32" s="248"/>
      <c r="Y32" s="248"/>
    </row>
    <row r="33" spans="1:25" ht="18.75">
      <c r="A33" s="343" t="s">
        <v>46</v>
      </c>
      <c r="B33" s="343"/>
      <c r="C33" s="343"/>
      <c r="D33" s="343"/>
      <c r="E33" s="343"/>
      <c r="F33" s="343"/>
      <c r="G33" s="343"/>
      <c r="H33" s="343"/>
      <c r="I33" s="343"/>
      <c r="J33" s="343"/>
      <c r="K33" s="343"/>
      <c r="L33" s="343"/>
      <c r="M33" s="343"/>
      <c r="N33" s="343"/>
      <c r="O33" s="343"/>
      <c r="P33" s="226"/>
      <c r="Q33" s="226"/>
      <c r="R33" s="226"/>
      <c r="S33" s="226"/>
      <c r="T33" s="226"/>
      <c r="U33" s="226"/>
      <c r="V33" s="226"/>
      <c r="W33" s="248"/>
      <c r="X33" s="248"/>
      <c r="Y33" s="248"/>
    </row>
    <row r="34" spans="1:25" ht="46.15" customHeight="1">
      <c r="A34" s="403" t="s">
        <v>493</v>
      </c>
      <c r="B34" s="403"/>
      <c r="C34" s="403"/>
      <c r="D34" s="403"/>
      <c r="E34" s="403"/>
      <c r="F34" s="403"/>
      <c r="G34" s="403"/>
      <c r="H34" s="403"/>
      <c r="I34" s="403"/>
      <c r="J34" s="403"/>
      <c r="K34" s="403"/>
      <c r="L34" s="403"/>
      <c r="M34" s="403"/>
      <c r="N34" s="403"/>
      <c r="O34" s="403"/>
      <c r="P34" s="252"/>
      <c r="Q34" s="252"/>
      <c r="R34" s="252"/>
      <c r="S34" s="252"/>
      <c r="T34" s="252"/>
      <c r="U34" s="252"/>
      <c r="V34" s="252"/>
      <c r="W34" s="248"/>
      <c r="X34" s="248"/>
      <c r="Y34" s="248"/>
    </row>
    <row r="35" spans="1:25" ht="37.5" customHeight="1">
      <c r="A35" s="64"/>
      <c r="B35" s="381" t="s">
        <v>322</v>
      </c>
      <c r="C35" s="381"/>
      <c r="D35" s="381"/>
      <c r="E35" s="381"/>
      <c r="F35" s="381"/>
      <c r="G35" s="381"/>
      <c r="H35" s="381"/>
      <c r="I35" s="381" t="s">
        <v>323</v>
      </c>
      <c r="J35" s="381"/>
      <c r="K35" s="381"/>
      <c r="L35" s="381"/>
      <c r="M35" s="381"/>
      <c r="N35" s="381"/>
      <c r="O35" s="381"/>
      <c r="P35" s="248"/>
      <c r="Q35" s="248"/>
      <c r="R35" s="248"/>
      <c r="S35" s="248"/>
      <c r="T35" s="248"/>
      <c r="U35" s="248"/>
      <c r="V35" s="248"/>
      <c r="W35" s="248"/>
      <c r="X35" s="248"/>
      <c r="Y35" s="248"/>
    </row>
    <row r="36" spans="1:25" ht="37.5" customHeight="1">
      <c r="A36" s="37" t="s">
        <v>85</v>
      </c>
      <c r="B36" s="38" t="s">
        <v>86</v>
      </c>
      <c r="C36" s="38" t="s">
        <v>150</v>
      </c>
      <c r="D36" s="89" t="s">
        <v>382</v>
      </c>
      <c r="E36" s="38" t="s">
        <v>151</v>
      </c>
      <c r="F36" s="89" t="s">
        <v>383</v>
      </c>
      <c r="G36" s="38" t="s">
        <v>152</v>
      </c>
      <c r="H36" s="89" t="s">
        <v>384</v>
      </c>
      <c r="I36" s="38" t="s">
        <v>86</v>
      </c>
      <c r="J36" s="38" t="s">
        <v>150</v>
      </c>
      <c r="K36" s="89" t="s">
        <v>382</v>
      </c>
      <c r="L36" s="38" t="s">
        <v>151</v>
      </c>
      <c r="M36" s="89" t="s">
        <v>383</v>
      </c>
      <c r="N36" s="38" t="s">
        <v>152</v>
      </c>
      <c r="O36" s="89" t="s">
        <v>384</v>
      </c>
    </row>
    <row r="37" spans="1:25" ht="71.25" customHeight="1">
      <c r="A37" s="41"/>
      <c r="B37" s="42" t="s">
        <v>89</v>
      </c>
      <c r="C37" s="42" t="s">
        <v>181</v>
      </c>
      <c r="D37" s="91" t="s">
        <v>104</v>
      </c>
      <c r="E37" s="42" t="s">
        <v>182</v>
      </c>
      <c r="F37" s="91" t="s">
        <v>104</v>
      </c>
      <c r="G37" s="42" t="s">
        <v>183</v>
      </c>
      <c r="H37" s="91" t="s">
        <v>104</v>
      </c>
      <c r="I37" s="42" t="s">
        <v>89</v>
      </c>
      <c r="J37" s="42" t="s">
        <v>181</v>
      </c>
      <c r="K37" s="91" t="s">
        <v>104</v>
      </c>
      <c r="L37" s="42" t="s">
        <v>182</v>
      </c>
      <c r="M37" s="91" t="s">
        <v>104</v>
      </c>
      <c r="N37" s="42" t="s">
        <v>183</v>
      </c>
      <c r="O37" s="91" t="s">
        <v>104</v>
      </c>
    </row>
    <row r="38" spans="1:25">
      <c r="A38" s="45" t="s">
        <v>424</v>
      </c>
      <c r="B38" s="167">
        <v>8604</v>
      </c>
      <c r="C38" s="170">
        <v>0.193</v>
      </c>
      <c r="D38" s="94">
        <v>8.509741074131473E-3</v>
      </c>
      <c r="E38" s="170">
        <v>0.17899999999999999</v>
      </c>
      <c r="F38" s="94">
        <v>8.2664374032983337E-3</v>
      </c>
      <c r="G38" s="170">
        <v>0.628</v>
      </c>
      <c r="H38" s="94">
        <v>1.0419438315405576E-2</v>
      </c>
      <c r="I38" s="167">
        <v>8598</v>
      </c>
      <c r="J38" s="170">
        <v>0.39400000000000002</v>
      </c>
      <c r="K38" s="94">
        <v>1.0537175191888152E-2</v>
      </c>
      <c r="L38" s="170">
        <v>0.16600000000000001</v>
      </c>
      <c r="M38" s="94">
        <v>8.026569595508945E-3</v>
      </c>
      <c r="N38" s="170">
        <v>0.44</v>
      </c>
      <c r="O38" s="94">
        <v>1.0704184304635267E-2</v>
      </c>
    </row>
    <row r="39" spans="1:25">
      <c r="A39" s="49" t="s">
        <v>425</v>
      </c>
      <c r="B39" s="168">
        <v>8001</v>
      </c>
      <c r="C39" s="171">
        <v>0.20130000000000001</v>
      </c>
      <c r="D39" s="97">
        <v>8.9656838647354277E-3</v>
      </c>
      <c r="E39" s="171">
        <v>0.1928</v>
      </c>
      <c r="F39" s="97">
        <v>8.8211445853471886E-3</v>
      </c>
      <c r="G39" s="171">
        <v>0.60580000000000001</v>
      </c>
      <c r="H39" s="97">
        <v>1.0924018860253666E-2</v>
      </c>
      <c r="I39" s="168">
        <v>7995</v>
      </c>
      <c r="J39" s="171">
        <v>0.41249999999999998</v>
      </c>
      <c r="K39" s="97">
        <v>1.1008671650237495E-2</v>
      </c>
      <c r="L39" s="171">
        <v>0.16800000000000001</v>
      </c>
      <c r="M39" s="97">
        <v>8.3637222030356964E-3</v>
      </c>
      <c r="N39" s="171">
        <v>0.41949999999999998</v>
      </c>
      <c r="O39" s="97">
        <v>1.1035322243231458E-2</v>
      </c>
    </row>
    <row r="40" spans="1:25">
      <c r="A40" s="45" t="s">
        <v>426</v>
      </c>
      <c r="B40" s="167">
        <v>776</v>
      </c>
      <c r="C40" s="170">
        <v>0.2273</v>
      </c>
      <c r="D40" s="94">
        <v>3.0076438962391702E-2</v>
      </c>
      <c r="E40" s="170">
        <v>0.1668</v>
      </c>
      <c r="F40" s="94">
        <v>2.6805427112567452E-2</v>
      </c>
      <c r="G40" s="170">
        <v>0.60589999999999999</v>
      </c>
      <c r="H40" s="94">
        <v>3.5001825502559245E-2</v>
      </c>
      <c r="I40" s="167">
        <v>777</v>
      </c>
      <c r="J40" s="170">
        <v>0.38059999999999999</v>
      </c>
      <c r="K40" s="94">
        <v>3.4758305625612732E-2</v>
      </c>
      <c r="L40" s="170">
        <v>0.1651</v>
      </c>
      <c r="M40" s="94">
        <v>2.6680440559231369E-2</v>
      </c>
      <c r="N40" s="170">
        <v>0.45440000000000003</v>
      </c>
      <c r="O40" s="94">
        <v>3.5635218657947734E-2</v>
      </c>
    </row>
    <row r="41" spans="1:25">
      <c r="A41" s="49" t="s">
        <v>427</v>
      </c>
      <c r="B41" s="168">
        <v>6267</v>
      </c>
      <c r="C41" s="171">
        <v>0.39500000000000002</v>
      </c>
      <c r="D41" s="97">
        <v>1.2346691762768499E-2</v>
      </c>
      <c r="E41" s="171">
        <v>0.16600000000000001</v>
      </c>
      <c r="F41" s="97">
        <v>9.402031358452051E-3</v>
      </c>
      <c r="G41" s="171">
        <v>0.439</v>
      </c>
      <c r="H41" s="97">
        <v>1.2533705039854641E-2</v>
      </c>
      <c r="I41" s="168">
        <v>6276</v>
      </c>
      <c r="J41" s="171">
        <v>0.193</v>
      </c>
      <c r="K41" s="97">
        <v>9.9639804859067392E-3</v>
      </c>
      <c r="L41" s="171">
        <v>0.17899999999999999</v>
      </c>
      <c r="M41" s="97">
        <v>9.6792581642187129E-3</v>
      </c>
      <c r="N41" s="171">
        <v>0.628</v>
      </c>
      <c r="O41" s="97">
        <v>1.2198905262845651E-2</v>
      </c>
    </row>
    <row r="42" spans="1:25">
      <c r="A42" s="45" t="s">
        <v>428</v>
      </c>
      <c r="B42" s="167">
        <v>2333</v>
      </c>
      <c r="C42" s="170">
        <v>0.33700000000000002</v>
      </c>
      <c r="D42" s="94">
        <v>1.9559630820125566E-2</v>
      </c>
      <c r="E42" s="170">
        <v>0.17899999999999999</v>
      </c>
      <c r="F42" s="94">
        <v>1.587884312559663E-2</v>
      </c>
      <c r="G42" s="170">
        <v>0.48299999999999998</v>
      </c>
      <c r="H42" s="94">
        <v>2.0673801208465677E-2</v>
      </c>
      <c r="I42" s="167">
        <v>2330</v>
      </c>
      <c r="J42" s="170">
        <v>0.24</v>
      </c>
      <c r="K42" s="94">
        <v>1.7691612596447186E-2</v>
      </c>
      <c r="L42" s="170">
        <v>0.17</v>
      </c>
      <c r="M42" s="94">
        <v>1.5570991470537558E-2</v>
      </c>
      <c r="N42" s="170">
        <v>0.58899999999999997</v>
      </c>
      <c r="O42" s="94">
        <v>2.036959807183843E-2</v>
      </c>
    </row>
    <row r="43" spans="1:25">
      <c r="A43" s="49" t="s">
        <v>429</v>
      </c>
      <c r="B43" s="168">
        <v>561</v>
      </c>
      <c r="C43" s="171">
        <v>0.34300000000000003</v>
      </c>
      <c r="D43" s="97">
        <v>3.9973334204372699E-2</v>
      </c>
      <c r="E43" s="171">
        <v>0.21</v>
      </c>
      <c r="F43" s="97">
        <v>3.4393514644012725E-2</v>
      </c>
      <c r="G43" s="171">
        <v>0.44600000000000001</v>
      </c>
      <c r="H43" s="97">
        <v>4.1827724416373599E-2</v>
      </c>
      <c r="I43" s="168">
        <v>564</v>
      </c>
      <c r="J43" s="171">
        <v>0.27400000000000002</v>
      </c>
      <c r="K43" s="97">
        <v>3.7495619204446461E-2</v>
      </c>
      <c r="L43" s="171">
        <v>0.14799999999999999</v>
      </c>
      <c r="M43" s="97">
        <v>3.0004105581514395E-2</v>
      </c>
      <c r="N43" s="171">
        <v>0.57699999999999996</v>
      </c>
      <c r="O43" s="97">
        <v>4.1465598587515071E-2</v>
      </c>
    </row>
    <row r="44" spans="1:25">
      <c r="A44" s="45" t="s">
        <v>430</v>
      </c>
      <c r="B44" s="167">
        <v>1484</v>
      </c>
      <c r="C44" s="170">
        <v>0.33100000000000002</v>
      </c>
      <c r="D44" s="94">
        <v>2.4406522758390708E-2</v>
      </c>
      <c r="E44" s="170">
        <v>0.17499999999999999</v>
      </c>
      <c r="F44" s="94">
        <v>1.9739030781883521E-2</v>
      </c>
      <c r="G44" s="170">
        <v>0.49399999999999999</v>
      </c>
      <c r="H44" s="94">
        <v>2.5921935810258975E-2</v>
      </c>
      <c r="I44" s="167">
        <v>1478</v>
      </c>
      <c r="J44" s="170">
        <v>0.221</v>
      </c>
      <c r="K44" s="94">
        <v>2.1582383183548867E-2</v>
      </c>
      <c r="L44" s="170">
        <v>0.187</v>
      </c>
      <c r="M44" s="94">
        <v>2.0292006883111148E-2</v>
      </c>
      <c r="N44" s="170">
        <v>0.59199999999999997</v>
      </c>
      <c r="O44" s="94">
        <v>2.5535116618095158E-2</v>
      </c>
    </row>
    <row r="45" spans="1:25">
      <c r="A45" s="49" t="s">
        <v>431</v>
      </c>
      <c r="B45" s="168">
        <v>216</v>
      </c>
      <c r="C45" s="171">
        <v>0.316</v>
      </c>
      <c r="D45" s="97">
        <v>6.2865503650341645E-2</v>
      </c>
      <c r="E45" s="171">
        <v>0.221</v>
      </c>
      <c r="F45" s="97">
        <v>5.6401780960952309E-2</v>
      </c>
      <c r="G45" s="171">
        <v>0.46200000000000002</v>
      </c>
      <c r="H45" s="97">
        <v>6.7232031291306546E-2</v>
      </c>
      <c r="I45" s="168">
        <v>216</v>
      </c>
      <c r="J45" s="171">
        <v>0.27200000000000002</v>
      </c>
      <c r="K45" s="97">
        <v>6.0285554198986083E-2</v>
      </c>
      <c r="L45" s="171">
        <v>0.12</v>
      </c>
      <c r="M45" s="97">
        <v>4.488433084632279E-2</v>
      </c>
      <c r="N45" s="171">
        <v>0.60799999999999998</v>
      </c>
      <c r="O45" s="97">
        <v>6.5886443575536136E-2</v>
      </c>
    </row>
    <row r="46" spans="1:25">
      <c r="A46" s="45" t="s">
        <v>432</v>
      </c>
      <c r="B46" s="167">
        <v>517</v>
      </c>
      <c r="C46" s="170">
        <v>0.43099999999999999</v>
      </c>
      <c r="D46" s="94">
        <v>4.3398065970568091E-2</v>
      </c>
      <c r="E46" s="170">
        <v>0.17299999999999999</v>
      </c>
      <c r="F46" s="94">
        <v>3.3331534311343093E-2</v>
      </c>
      <c r="G46" s="170">
        <v>0.39500000000000002</v>
      </c>
      <c r="H46" s="94">
        <v>4.2848986260012642E-2</v>
      </c>
      <c r="I46" s="167">
        <v>517</v>
      </c>
      <c r="J46" s="170">
        <v>0.34899999999999998</v>
      </c>
      <c r="K46" s="94">
        <v>4.1797222522217251E-2</v>
      </c>
      <c r="L46" s="170">
        <v>0.191</v>
      </c>
      <c r="M46" s="94">
        <v>3.460548045597419E-2</v>
      </c>
      <c r="N46" s="170">
        <v>0.46</v>
      </c>
      <c r="O46" s="94">
        <v>4.3672527134444916E-2</v>
      </c>
    </row>
    <row r="47" spans="1:25">
      <c r="A47" s="49" t="s">
        <v>433</v>
      </c>
      <c r="B47" s="168">
        <v>663</v>
      </c>
      <c r="C47" s="171">
        <v>0.308</v>
      </c>
      <c r="D47" s="97">
        <v>3.5788552871463798E-2</v>
      </c>
      <c r="E47" s="171">
        <v>0.18</v>
      </c>
      <c r="F47" s="97">
        <v>2.9874751358960647E-2</v>
      </c>
      <c r="G47" s="171">
        <v>0.51200000000000001</v>
      </c>
      <c r="H47" s="97">
        <v>3.8709135009440371E-2</v>
      </c>
      <c r="I47" s="168">
        <v>662</v>
      </c>
      <c r="J47" s="171">
        <v>0.223</v>
      </c>
      <c r="K47" s="97">
        <v>3.2344792424040342E-2</v>
      </c>
      <c r="L47" s="171">
        <v>0.183</v>
      </c>
      <c r="M47" s="97">
        <v>3.0086407117554628E-2</v>
      </c>
      <c r="N47" s="171">
        <v>0.59399999999999997</v>
      </c>
      <c r="O47" s="97">
        <v>3.8066625597948101E-2</v>
      </c>
    </row>
    <row r="48" spans="1:25">
      <c r="A48" s="45" t="s">
        <v>434</v>
      </c>
      <c r="B48" s="167">
        <v>916</v>
      </c>
      <c r="C48" s="170">
        <v>0.27200000000000002</v>
      </c>
      <c r="D48" s="94">
        <v>2.9375163429576731E-2</v>
      </c>
      <c r="E48" s="170">
        <v>0.161</v>
      </c>
      <c r="F48" s="94">
        <v>2.4323556360380409E-2</v>
      </c>
      <c r="G48" s="170">
        <v>0.56699999999999995</v>
      </c>
      <c r="H48" s="94">
        <v>3.2674278537285432E-2</v>
      </c>
      <c r="I48" s="167">
        <v>914</v>
      </c>
      <c r="J48" s="170">
        <v>0.11700000000000001</v>
      </c>
      <c r="K48" s="94">
        <v>2.1347477997434614E-2</v>
      </c>
      <c r="L48" s="170">
        <v>0.16300000000000001</v>
      </c>
      <c r="M48" s="94">
        <v>2.4469851784119465E-2</v>
      </c>
      <c r="N48" s="170">
        <v>0.72</v>
      </c>
      <c r="O48" s="94">
        <v>2.9669263862780283E-2</v>
      </c>
    </row>
    <row r="49" spans="1:15">
      <c r="A49" s="49" t="s">
        <v>435</v>
      </c>
      <c r="B49" s="168">
        <v>675</v>
      </c>
      <c r="C49" s="171">
        <v>0.38800000000000001</v>
      </c>
      <c r="D49" s="97">
        <v>3.7412901973633263E-2</v>
      </c>
      <c r="E49" s="171">
        <v>0.17799999999999999</v>
      </c>
      <c r="F49" s="97">
        <v>2.948093015744362E-2</v>
      </c>
      <c r="G49" s="171">
        <v>0.435</v>
      </c>
      <c r="H49" s="97">
        <v>3.8054656643651485E-2</v>
      </c>
      <c r="I49" s="168">
        <v>674</v>
      </c>
      <c r="J49" s="171">
        <v>0.25900000000000001</v>
      </c>
      <c r="K49" s="97">
        <v>3.3709001094477442E-2</v>
      </c>
      <c r="L49" s="171">
        <v>0.16400000000000001</v>
      </c>
      <c r="M49" s="97">
        <v>2.85781211234961E-2</v>
      </c>
      <c r="N49" s="171">
        <v>0.57699999999999996</v>
      </c>
      <c r="O49" s="97">
        <v>3.7952054237561497E-2</v>
      </c>
    </row>
    <row r="50" spans="1:15">
      <c r="A50" s="45" t="s">
        <v>436</v>
      </c>
      <c r="B50" s="167">
        <v>125</v>
      </c>
      <c r="C50" s="170">
        <v>0.53200000000000003</v>
      </c>
      <c r="D50" s="94">
        <v>8.7875620225804627E-2</v>
      </c>
      <c r="E50" s="170">
        <v>0.14000000000000001</v>
      </c>
      <c r="F50" s="94">
        <v>6.3076820742011569E-2</v>
      </c>
      <c r="G50" s="170">
        <v>0.32800000000000001</v>
      </c>
      <c r="H50" s="94">
        <v>8.3009707515292047E-2</v>
      </c>
      <c r="I50" s="167">
        <v>125</v>
      </c>
      <c r="J50" s="170">
        <v>0.45200000000000001</v>
      </c>
      <c r="K50" s="94">
        <v>8.7663321503562652E-2</v>
      </c>
      <c r="L50" s="170">
        <v>0.17299999999999999</v>
      </c>
      <c r="M50" s="94">
        <v>6.8108314475255657E-2</v>
      </c>
      <c r="N50" s="170">
        <v>0.375</v>
      </c>
      <c r="O50" s="94">
        <v>8.5422609993256127E-2</v>
      </c>
    </row>
    <row r="51" spans="1:15">
      <c r="A51" s="49" t="s">
        <v>437</v>
      </c>
      <c r="B51" s="168">
        <v>137</v>
      </c>
      <c r="C51" s="171">
        <v>0.34399999999999997</v>
      </c>
      <c r="D51" s="97">
        <v>8.0252293774199013E-2</v>
      </c>
      <c r="E51" s="171">
        <v>0.186</v>
      </c>
      <c r="F51" s="97">
        <v>6.6720279938157434E-2</v>
      </c>
      <c r="G51" s="171">
        <v>0.47</v>
      </c>
      <c r="H51" s="97">
        <v>8.4071961664755626E-2</v>
      </c>
      <c r="I51" s="168">
        <v>137</v>
      </c>
      <c r="J51" s="171">
        <v>0.221</v>
      </c>
      <c r="K51" s="97">
        <v>7.0763388598071505E-2</v>
      </c>
      <c r="L51" s="171">
        <v>0.11899999999999999</v>
      </c>
      <c r="M51" s="97">
        <v>5.6608212121129334E-2</v>
      </c>
      <c r="N51" s="171">
        <v>0.66</v>
      </c>
      <c r="O51" s="97">
        <v>8.0041102860138352E-2</v>
      </c>
    </row>
    <row r="52" spans="1:15" ht="25.5">
      <c r="A52" s="45" t="s">
        <v>438</v>
      </c>
      <c r="B52" s="167">
        <v>231</v>
      </c>
      <c r="C52" s="170">
        <v>0.28899999999999998</v>
      </c>
      <c r="D52" s="94">
        <v>5.9355647846820757E-2</v>
      </c>
      <c r="E52" s="170">
        <v>0.25</v>
      </c>
      <c r="F52" s="94">
        <v>5.6810180662902651E-2</v>
      </c>
      <c r="G52" s="170">
        <v>0.46100000000000002</v>
      </c>
      <c r="H52" s="94">
        <v>6.5040784331380538E-2</v>
      </c>
      <c r="I52" s="167">
        <v>232</v>
      </c>
      <c r="J52" s="170">
        <v>0.26900000000000002</v>
      </c>
      <c r="K52" s="94">
        <v>5.7993646385176456E-2</v>
      </c>
      <c r="L52" s="170">
        <v>0.14399999999999999</v>
      </c>
      <c r="M52" s="94">
        <v>4.6491064872263579E-2</v>
      </c>
      <c r="N52" s="170">
        <v>0.58699999999999997</v>
      </c>
      <c r="O52" s="94">
        <v>6.4135106584011309E-2</v>
      </c>
    </row>
    <row r="53" spans="1:15">
      <c r="A53" s="49" t="s">
        <v>439</v>
      </c>
      <c r="B53" s="168">
        <v>380</v>
      </c>
      <c r="C53" s="171">
        <v>0.308</v>
      </c>
      <c r="D53" s="97">
        <v>4.7203018971248012E-2</v>
      </c>
      <c r="E53" s="171">
        <v>0.14699999999999999</v>
      </c>
      <c r="F53" s="97">
        <v>3.6511057099684011E-2</v>
      </c>
      <c r="G53" s="171">
        <v>0.54500000000000004</v>
      </c>
      <c r="H53" s="97">
        <v>5.0828240978547615E-2</v>
      </c>
      <c r="I53" s="168">
        <v>380</v>
      </c>
      <c r="J53" s="171">
        <v>0.17599999999999999</v>
      </c>
      <c r="K53" s="97">
        <v>3.9157748458292604E-2</v>
      </c>
      <c r="L53" s="171">
        <v>0.191</v>
      </c>
      <c r="M53" s="97">
        <v>4.0375558193824275E-2</v>
      </c>
      <c r="N53" s="171">
        <v>0.63300000000000001</v>
      </c>
      <c r="O53" s="97">
        <v>4.9231341797129201E-2</v>
      </c>
    </row>
    <row r="54" spans="1:15">
      <c r="A54" s="45" t="s">
        <v>440</v>
      </c>
      <c r="B54" s="167">
        <v>389</v>
      </c>
      <c r="C54" s="170">
        <v>0.25700000000000001</v>
      </c>
      <c r="D54" s="94">
        <v>4.4223224890967514E-2</v>
      </c>
      <c r="E54" s="170">
        <v>0.19</v>
      </c>
      <c r="F54" s="94">
        <v>3.9827398436602136E-2</v>
      </c>
      <c r="G54" s="170">
        <v>0.55300000000000005</v>
      </c>
      <c r="H54" s="94">
        <v>5.0164907664377444E-2</v>
      </c>
      <c r="I54" s="167">
        <v>386</v>
      </c>
      <c r="J54" s="170">
        <v>0.20499999999999999</v>
      </c>
      <c r="K54" s="94">
        <v>4.1106612319987711E-2</v>
      </c>
      <c r="L54" s="170">
        <v>0.20399999999999999</v>
      </c>
      <c r="M54" s="94">
        <v>4.1034323920073765E-2</v>
      </c>
      <c r="N54" s="170">
        <v>0.59099999999999997</v>
      </c>
      <c r="O54" s="94">
        <v>4.980865907167667E-2</v>
      </c>
    </row>
    <row r="55" spans="1:15">
      <c r="A55" s="49" t="s">
        <v>441</v>
      </c>
      <c r="B55" s="168">
        <v>267</v>
      </c>
      <c r="C55" s="171">
        <v>0.36</v>
      </c>
      <c r="D55" s="97">
        <v>5.8388484899678184E-2</v>
      </c>
      <c r="E55" s="171">
        <v>0.156</v>
      </c>
      <c r="F55" s="97">
        <v>4.466051241157519E-2</v>
      </c>
      <c r="G55" s="171">
        <v>0.48399999999999999</v>
      </c>
      <c r="H55" s="97">
        <v>6.0715475990001204E-2</v>
      </c>
      <c r="I55" s="168">
        <v>267</v>
      </c>
      <c r="J55" s="171">
        <v>0.245</v>
      </c>
      <c r="K55" s="97">
        <v>5.252030227326699E-2</v>
      </c>
      <c r="L55" s="171">
        <v>0.16300000000000001</v>
      </c>
      <c r="M55" s="97">
        <v>4.5418732101431693E-2</v>
      </c>
      <c r="N55" s="171">
        <v>0.59199999999999997</v>
      </c>
      <c r="O55" s="97">
        <v>5.9739164379924901E-2</v>
      </c>
    </row>
    <row r="56" spans="1:15">
      <c r="A56" s="45" t="s">
        <v>442</v>
      </c>
      <c r="B56" s="167">
        <v>711</v>
      </c>
      <c r="C56" s="170">
        <v>0.35799999999999998</v>
      </c>
      <c r="D56" s="94">
        <v>3.5875540890330529E-2</v>
      </c>
      <c r="E56" s="170">
        <v>0.161</v>
      </c>
      <c r="F56" s="94">
        <v>2.7619921121717312E-2</v>
      </c>
      <c r="G56" s="170">
        <v>0.48099999999999998</v>
      </c>
      <c r="H56" s="94">
        <v>3.7371170060331929E-2</v>
      </c>
      <c r="I56" s="167">
        <v>709</v>
      </c>
      <c r="J56" s="170">
        <v>0.25</v>
      </c>
      <c r="K56" s="94">
        <v>3.249333043632615E-2</v>
      </c>
      <c r="L56" s="170">
        <v>0.19700000000000001</v>
      </c>
      <c r="M56" s="94">
        <v>2.9886951609142818E-2</v>
      </c>
      <c r="N56" s="170">
        <v>0.55300000000000005</v>
      </c>
      <c r="O56" s="94">
        <v>3.7241671536984371E-2</v>
      </c>
    </row>
    <row r="57" spans="1:15">
      <c r="A57" s="49" t="s">
        <v>443</v>
      </c>
      <c r="B57" s="168">
        <v>943</v>
      </c>
      <c r="C57" s="171">
        <v>0.26600000000000001</v>
      </c>
      <c r="D57" s="97">
        <v>2.8751242531878208E-2</v>
      </c>
      <c r="E57" s="171">
        <v>0.217</v>
      </c>
      <c r="F57" s="97">
        <v>2.6842742110626608E-2</v>
      </c>
      <c r="G57" s="171">
        <v>0.51700000000000002</v>
      </c>
      <c r="H57" s="97">
        <v>3.247700421040798E-2</v>
      </c>
      <c r="I57" s="168">
        <v>944</v>
      </c>
      <c r="J57" s="171">
        <v>0.24099999999999999</v>
      </c>
      <c r="K57" s="97">
        <v>2.7824335197575219E-2</v>
      </c>
      <c r="L57" s="171">
        <v>0.17599999999999999</v>
      </c>
      <c r="M57" s="97">
        <v>2.4812206442605348E-2</v>
      </c>
      <c r="N57" s="171">
        <v>0.58199999999999996</v>
      </c>
      <c r="O57" s="97">
        <v>3.2042470689272434E-2</v>
      </c>
    </row>
    <row r="58" spans="1:15">
      <c r="A58" s="45" t="s">
        <v>444</v>
      </c>
      <c r="B58" s="167">
        <v>261</v>
      </c>
      <c r="C58" s="170">
        <v>0.36599999999999999</v>
      </c>
      <c r="D58" s="94">
        <v>5.9250918546606884E-2</v>
      </c>
      <c r="E58" s="170">
        <v>0.16600000000000001</v>
      </c>
      <c r="F58" s="94">
        <v>4.6261979414946044E-2</v>
      </c>
      <c r="G58" s="170">
        <v>0.46899999999999997</v>
      </c>
      <c r="H58" s="94">
        <v>6.1314874598705257E-2</v>
      </c>
      <c r="I58" s="167">
        <v>260</v>
      </c>
      <c r="J58" s="170">
        <v>0.20499999999999999</v>
      </c>
      <c r="K58" s="94">
        <v>5.0089638289334534E-2</v>
      </c>
      <c r="L58" s="170">
        <v>0.14699999999999999</v>
      </c>
      <c r="M58" s="94">
        <v>4.4233955148432896E-2</v>
      </c>
      <c r="N58" s="170">
        <v>0.64800000000000002</v>
      </c>
      <c r="O58" s="94">
        <v>5.8872580579416738E-2</v>
      </c>
    </row>
    <row r="59" spans="1:15">
      <c r="A59" s="49" t="s">
        <v>445</v>
      </c>
      <c r="B59" s="168">
        <v>180</v>
      </c>
      <c r="C59" s="171">
        <v>0.34599999999999997</v>
      </c>
      <c r="D59" s="97">
        <v>7.0295018454101577E-2</v>
      </c>
      <c r="E59" s="171">
        <v>0.17499999999999999</v>
      </c>
      <c r="F59" s="97">
        <v>5.6897595656308073E-2</v>
      </c>
      <c r="G59" s="171">
        <v>0.47899999999999998</v>
      </c>
      <c r="H59" s="97">
        <v>7.3658726201806676E-2</v>
      </c>
      <c r="I59" s="168">
        <v>180</v>
      </c>
      <c r="J59" s="171">
        <v>0.221</v>
      </c>
      <c r="K59" s="97">
        <v>6.1768608258061915E-2</v>
      </c>
      <c r="L59" s="171">
        <v>0.16800000000000001</v>
      </c>
      <c r="M59" s="97">
        <v>5.6050492975539649E-2</v>
      </c>
      <c r="N59" s="171">
        <v>0.61099999999999999</v>
      </c>
      <c r="O59" s="97">
        <v>7.1961474124118768E-2</v>
      </c>
    </row>
    <row r="60" spans="1:15">
      <c r="A60" s="45" t="s">
        <v>446</v>
      </c>
      <c r="B60" s="167">
        <v>154</v>
      </c>
      <c r="C60" s="170">
        <v>0.36399999999999999</v>
      </c>
      <c r="D60" s="94">
        <v>7.6708993386004926E-2</v>
      </c>
      <c r="E60" s="170">
        <v>0.16200000000000001</v>
      </c>
      <c r="F60" s="94">
        <v>5.9845219076626315E-2</v>
      </c>
      <c r="G60" s="170">
        <v>0.47499999999999998</v>
      </c>
      <c r="H60" s="94">
        <v>7.946119903271151E-2</v>
      </c>
      <c r="I60" s="167">
        <v>154</v>
      </c>
      <c r="J60" s="170">
        <v>0.28999999999999998</v>
      </c>
      <c r="K60" s="94">
        <v>7.2584241183142093E-2</v>
      </c>
      <c r="L60" s="170">
        <v>0.14199999999999999</v>
      </c>
      <c r="M60" s="94">
        <v>5.6979492915405529E-2</v>
      </c>
      <c r="N60" s="170">
        <v>0.56799999999999995</v>
      </c>
      <c r="O60" s="94">
        <v>7.8853680063846812E-2</v>
      </c>
    </row>
    <row r="61" spans="1:15">
      <c r="A61" s="49" t="s">
        <v>447</v>
      </c>
      <c r="B61" s="168">
        <v>76</v>
      </c>
      <c r="C61" s="171">
        <v>0.45800000000000002</v>
      </c>
      <c r="D61" s="97">
        <v>0.11144684607470955</v>
      </c>
      <c r="E61" s="171">
        <v>0.113</v>
      </c>
      <c r="F61" s="97">
        <v>7.5773833709269336E-2</v>
      </c>
      <c r="G61" s="171">
        <v>0.42899999999999999</v>
      </c>
      <c r="H61" s="97">
        <v>0.11078142838490575</v>
      </c>
      <c r="I61" s="168">
        <v>75</v>
      </c>
      <c r="J61" s="171">
        <v>0.30199999999999999</v>
      </c>
      <c r="K61" s="97">
        <v>0.10425516855023989</v>
      </c>
      <c r="L61" s="171">
        <v>0.127</v>
      </c>
      <c r="M61" s="97">
        <v>7.9429398247740146E-2</v>
      </c>
      <c r="N61" s="171">
        <v>0.57099999999999995</v>
      </c>
      <c r="O61" s="97">
        <v>0.11148174793966006</v>
      </c>
    </row>
    <row r="63" spans="1:15" ht="18.75">
      <c r="A63" s="335" t="s">
        <v>263</v>
      </c>
      <c r="B63" s="335"/>
      <c r="C63" s="335"/>
      <c r="D63" s="335"/>
    </row>
    <row r="64" spans="1:15" ht="112.5" customHeight="1">
      <c r="A64" s="401" t="s">
        <v>494</v>
      </c>
      <c r="B64" s="401"/>
      <c r="C64" s="401"/>
      <c r="D64" s="401"/>
    </row>
    <row r="65" spans="1:4" ht="39" customHeight="1">
      <c r="A65" s="383" t="s">
        <v>264</v>
      </c>
      <c r="B65" s="383"/>
      <c r="C65" s="383"/>
      <c r="D65" s="383"/>
    </row>
    <row r="66" spans="1:4" ht="39" customHeight="1">
      <c r="A66" s="37" t="s">
        <v>85</v>
      </c>
      <c r="B66" s="38" t="s">
        <v>86</v>
      </c>
      <c r="C66" s="39" t="s">
        <v>87</v>
      </c>
      <c r="D66" s="40" t="s">
        <v>88</v>
      </c>
    </row>
    <row r="67" spans="1:4" ht="72">
      <c r="A67" s="41"/>
      <c r="B67" s="42" t="s">
        <v>89</v>
      </c>
      <c r="C67" s="125" t="s">
        <v>153</v>
      </c>
      <c r="D67" s="44" t="s">
        <v>91</v>
      </c>
    </row>
    <row r="68" spans="1:4">
      <c r="A68" s="45" t="s">
        <v>424</v>
      </c>
      <c r="B68" s="172">
        <v>8617</v>
      </c>
      <c r="C68" s="84">
        <v>2.95</v>
      </c>
      <c r="D68" s="85">
        <v>3.9199999999999999E-2</v>
      </c>
    </row>
    <row r="69" spans="1:4">
      <c r="A69" s="49" t="s">
        <v>425</v>
      </c>
      <c r="B69" s="49">
        <v>7922</v>
      </c>
      <c r="C69" s="175">
        <v>2.9209130000000001</v>
      </c>
      <c r="D69" s="176">
        <v>3.6213352000000004E-2</v>
      </c>
    </row>
    <row r="70" spans="1:4">
      <c r="A70" s="45" t="s">
        <v>426</v>
      </c>
      <c r="B70" s="53">
        <v>777</v>
      </c>
      <c r="C70" s="84">
        <v>2.64</v>
      </c>
      <c r="D70" s="85">
        <v>0.1176</v>
      </c>
    </row>
    <row r="71" spans="1:4">
      <c r="A71" s="49" t="s">
        <v>427</v>
      </c>
      <c r="B71" s="49">
        <v>6285</v>
      </c>
      <c r="C71" s="175">
        <v>2.9</v>
      </c>
      <c r="D71" s="176">
        <v>0</v>
      </c>
    </row>
    <row r="72" spans="1:4">
      <c r="A72" s="45" t="s">
        <v>428</v>
      </c>
      <c r="B72" s="53">
        <v>2334</v>
      </c>
      <c r="C72" s="84">
        <v>3.3</v>
      </c>
      <c r="D72" s="85">
        <v>0</v>
      </c>
    </row>
    <row r="73" spans="1:4">
      <c r="A73" s="49" t="s">
        <v>429</v>
      </c>
      <c r="B73" s="49">
        <v>563</v>
      </c>
      <c r="C73" s="175">
        <v>3.2</v>
      </c>
      <c r="D73" s="176">
        <v>0.19600000000000001</v>
      </c>
    </row>
    <row r="74" spans="1:4">
      <c r="A74" s="45" t="s">
        <v>430</v>
      </c>
      <c r="B74" s="53">
        <v>1483</v>
      </c>
      <c r="C74" s="84">
        <v>3.4</v>
      </c>
      <c r="D74" s="85">
        <v>0</v>
      </c>
    </row>
    <row r="75" spans="1:4">
      <c r="A75" s="49" t="s">
        <v>431</v>
      </c>
      <c r="B75" s="49">
        <v>216</v>
      </c>
      <c r="C75" s="175">
        <v>3.6</v>
      </c>
      <c r="D75" s="176">
        <v>0.19600000000000001</v>
      </c>
    </row>
    <row r="76" spans="1:4">
      <c r="A76" s="45" t="s">
        <v>432</v>
      </c>
      <c r="B76" s="53">
        <v>517</v>
      </c>
      <c r="C76" s="84">
        <v>3.2</v>
      </c>
      <c r="D76" s="85">
        <v>0.19600000000000001</v>
      </c>
    </row>
    <row r="77" spans="1:4">
      <c r="A77" s="49" t="s">
        <v>433</v>
      </c>
      <c r="B77" s="49">
        <v>664</v>
      </c>
      <c r="C77" s="175">
        <v>3.3</v>
      </c>
      <c r="D77" s="176">
        <v>0.19600000000000001</v>
      </c>
    </row>
    <row r="78" spans="1:4">
      <c r="A78" s="45" t="s">
        <v>434</v>
      </c>
      <c r="B78" s="172">
        <v>916</v>
      </c>
      <c r="C78" s="84">
        <v>3.3</v>
      </c>
      <c r="D78" s="85">
        <v>0.19600000000000001</v>
      </c>
    </row>
    <row r="79" spans="1:4">
      <c r="A79" s="49" t="s">
        <v>435</v>
      </c>
      <c r="B79" s="174">
        <v>677</v>
      </c>
      <c r="C79" s="175">
        <v>3.1</v>
      </c>
      <c r="D79" s="176">
        <v>0.19600000000000001</v>
      </c>
    </row>
    <row r="80" spans="1:4">
      <c r="A80" s="45" t="s">
        <v>436</v>
      </c>
      <c r="B80" s="83">
        <v>125</v>
      </c>
      <c r="C80" s="84">
        <v>3.3</v>
      </c>
      <c r="D80" s="85">
        <v>0.39200000000000002</v>
      </c>
    </row>
    <row r="81" spans="1:30">
      <c r="A81" s="49" t="s">
        <v>437</v>
      </c>
      <c r="B81" s="174">
        <v>137</v>
      </c>
      <c r="C81" s="175">
        <v>3.2</v>
      </c>
      <c r="D81" s="176">
        <v>0.19600000000000001</v>
      </c>
    </row>
    <row r="82" spans="1:30" ht="25.5">
      <c r="A82" s="45" t="s">
        <v>438</v>
      </c>
      <c r="B82" s="172">
        <v>232</v>
      </c>
      <c r="C82" s="84">
        <v>3</v>
      </c>
      <c r="D82" s="85">
        <v>0.19600000000000001</v>
      </c>
    </row>
    <row r="83" spans="1:30">
      <c r="A83" s="49" t="s">
        <v>439</v>
      </c>
      <c r="B83" s="174">
        <v>380</v>
      </c>
      <c r="C83" s="175">
        <v>3.9</v>
      </c>
      <c r="D83" s="176">
        <v>0.19600000000000001</v>
      </c>
    </row>
    <row r="84" spans="1:30">
      <c r="A84" s="45" t="s">
        <v>440</v>
      </c>
      <c r="B84" s="172">
        <v>388</v>
      </c>
      <c r="C84" s="84">
        <v>3.4</v>
      </c>
      <c r="D84" s="85">
        <v>0.19600000000000001</v>
      </c>
    </row>
    <row r="85" spans="1:30">
      <c r="A85" s="49" t="s">
        <v>441</v>
      </c>
      <c r="B85" s="174">
        <v>266</v>
      </c>
      <c r="C85" s="175">
        <v>3.2</v>
      </c>
      <c r="D85" s="176">
        <v>0.19600000000000001</v>
      </c>
    </row>
    <row r="86" spans="1:30">
      <c r="A86" s="45" t="s">
        <v>442</v>
      </c>
      <c r="B86" s="172">
        <v>711</v>
      </c>
      <c r="C86" s="84">
        <v>3.2</v>
      </c>
      <c r="D86" s="85">
        <v>0.19600000000000001</v>
      </c>
    </row>
    <row r="87" spans="1:30">
      <c r="A87" s="49" t="s">
        <v>443</v>
      </c>
      <c r="B87" s="174">
        <v>946</v>
      </c>
      <c r="C87" s="175">
        <v>3.6</v>
      </c>
      <c r="D87" s="176">
        <v>0.19600000000000001</v>
      </c>
      <c r="P87" s="256"/>
      <c r="Q87" s="256"/>
      <c r="R87" s="256"/>
      <c r="S87" s="256"/>
      <c r="T87" s="256"/>
      <c r="U87" s="256"/>
      <c r="V87" s="256"/>
      <c r="W87" s="256"/>
      <c r="X87" s="256"/>
      <c r="Y87" s="256"/>
      <c r="Z87" s="256"/>
      <c r="AA87" s="256"/>
      <c r="AB87" s="256"/>
      <c r="AC87" s="256"/>
      <c r="AD87" s="256"/>
    </row>
    <row r="88" spans="1:30">
      <c r="A88" s="45" t="s">
        <v>444</v>
      </c>
      <c r="B88" s="172">
        <v>260</v>
      </c>
      <c r="C88" s="84">
        <v>3.2</v>
      </c>
      <c r="D88" s="85">
        <v>0.19600000000000001</v>
      </c>
      <c r="P88" s="256"/>
      <c r="Q88" s="256"/>
      <c r="R88" s="256"/>
      <c r="S88" s="256"/>
      <c r="T88" s="256"/>
      <c r="U88" s="256"/>
      <c r="V88" s="256"/>
      <c r="W88" s="256"/>
      <c r="X88" s="256"/>
      <c r="Y88" s="256"/>
      <c r="Z88" s="256"/>
      <c r="AA88" s="256"/>
      <c r="AB88" s="256"/>
      <c r="AC88" s="256"/>
      <c r="AD88" s="256"/>
    </row>
    <row r="89" spans="1:30">
      <c r="A89" s="49" t="s">
        <v>445</v>
      </c>
      <c r="B89" s="174">
        <v>180</v>
      </c>
      <c r="C89" s="175">
        <v>3.2</v>
      </c>
      <c r="D89" s="176">
        <v>0.19600000000000001</v>
      </c>
      <c r="P89" s="256"/>
      <c r="Q89" s="256"/>
      <c r="R89" s="256"/>
      <c r="S89" s="256"/>
      <c r="T89" s="256"/>
      <c r="U89" s="256"/>
      <c r="V89" s="256"/>
      <c r="W89" s="256"/>
      <c r="X89" s="256"/>
      <c r="Y89" s="256"/>
      <c r="Z89" s="256"/>
      <c r="AA89" s="256"/>
      <c r="AB89" s="256"/>
      <c r="AC89" s="256"/>
      <c r="AD89" s="256"/>
    </row>
    <row r="90" spans="1:30">
      <c r="A90" s="45" t="s">
        <v>446</v>
      </c>
      <c r="B90" s="172">
        <v>154</v>
      </c>
      <c r="C90" s="84">
        <v>3.5</v>
      </c>
      <c r="D90" s="85">
        <v>0.19600000000000001</v>
      </c>
      <c r="P90" s="256"/>
      <c r="Q90" s="256"/>
      <c r="R90" s="256"/>
      <c r="S90" s="256"/>
      <c r="T90" s="256"/>
      <c r="U90" s="256"/>
      <c r="V90" s="256"/>
      <c r="W90" s="256"/>
      <c r="X90" s="256"/>
      <c r="Y90" s="256"/>
      <c r="Z90" s="256"/>
      <c r="AA90" s="256"/>
      <c r="AB90" s="256"/>
      <c r="AC90" s="256"/>
      <c r="AD90" s="256"/>
    </row>
    <row r="91" spans="1:30">
      <c r="A91" s="49" t="s">
        <v>447</v>
      </c>
      <c r="B91" s="174">
        <v>75</v>
      </c>
      <c r="C91" s="175">
        <v>2.8</v>
      </c>
      <c r="D91" s="176">
        <v>0.39200000000000002</v>
      </c>
      <c r="P91" s="256"/>
      <c r="Q91" s="256"/>
      <c r="R91" s="256"/>
      <c r="S91" s="256"/>
      <c r="T91" s="256"/>
      <c r="U91" s="256"/>
      <c r="V91" s="256"/>
      <c r="W91" s="256"/>
      <c r="X91" s="256"/>
      <c r="Y91" s="256"/>
      <c r="Z91" s="256"/>
      <c r="AA91" s="256"/>
      <c r="AB91" s="256"/>
      <c r="AC91" s="256"/>
      <c r="AD91" s="256"/>
    </row>
    <row r="92" spans="1:30">
      <c r="P92" s="256"/>
      <c r="Q92" s="256"/>
      <c r="R92" s="256"/>
      <c r="S92" s="256"/>
      <c r="T92" s="256"/>
      <c r="U92" s="256"/>
      <c r="V92" s="256"/>
      <c r="W92" s="256"/>
      <c r="X92" s="256"/>
      <c r="Y92" s="256"/>
      <c r="Z92" s="256"/>
      <c r="AA92" s="256"/>
      <c r="AB92" s="256"/>
      <c r="AC92" s="256"/>
      <c r="AD92" s="256"/>
    </row>
    <row r="93" spans="1:30" ht="18.75">
      <c r="A93" s="343" t="s">
        <v>47</v>
      </c>
      <c r="B93" s="343"/>
      <c r="C93" s="343"/>
      <c r="D93" s="343"/>
      <c r="E93" s="343"/>
      <c r="F93" s="343"/>
      <c r="G93" s="343"/>
      <c r="H93" s="343"/>
      <c r="I93" s="343"/>
      <c r="J93" s="343"/>
      <c r="K93" s="343"/>
      <c r="L93" s="343"/>
      <c r="M93" s="343"/>
      <c r="N93" s="343"/>
      <c r="O93" s="343"/>
      <c r="P93" s="226"/>
      <c r="Q93" s="226"/>
      <c r="R93" s="226"/>
      <c r="S93" s="226"/>
      <c r="T93" s="226"/>
      <c r="U93" s="226"/>
      <c r="V93" s="226"/>
      <c r="W93" s="226"/>
      <c r="X93" s="226"/>
      <c r="Y93" s="226"/>
      <c r="Z93" s="226"/>
      <c r="AA93" s="226"/>
      <c r="AB93" s="226"/>
      <c r="AC93" s="226"/>
      <c r="AD93" s="256"/>
    </row>
    <row r="94" spans="1:30" ht="37.9" customHeight="1">
      <c r="A94" s="403" t="s">
        <v>495</v>
      </c>
      <c r="B94" s="403"/>
      <c r="C94" s="403"/>
      <c r="D94" s="403"/>
      <c r="E94" s="403"/>
      <c r="F94" s="403"/>
      <c r="G94" s="403"/>
      <c r="H94" s="403"/>
      <c r="I94" s="403"/>
      <c r="J94" s="403"/>
      <c r="K94" s="403"/>
      <c r="L94" s="403"/>
      <c r="M94" s="403"/>
      <c r="N94" s="403"/>
      <c r="O94" s="403"/>
      <c r="P94" s="252"/>
      <c r="Q94" s="252"/>
      <c r="R94" s="252"/>
      <c r="S94" s="252"/>
      <c r="T94" s="252"/>
      <c r="U94" s="252"/>
      <c r="V94" s="252"/>
      <c r="W94" s="252"/>
      <c r="X94" s="252"/>
      <c r="Y94" s="252"/>
      <c r="Z94" s="252"/>
      <c r="AA94" s="252"/>
      <c r="AB94" s="252"/>
      <c r="AC94" s="252"/>
      <c r="AD94" s="256"/>
    </row>
    <row r="95" spans="1:30" ht="38.25" customHeight="1">
      <c r="A95" s="64"/>
      <c r="B95" s="381" t="s">
        <v>241</v>
      </c>
      <c r="C95" s="381"/>
      <c r="D95" s="381"/>
      <c r="E95" s="381"/>
      <c r="F95" s="381"/>
      <c r="G95" s="381"/>
      <c r="H95" s="381"/>
      <c r="I95" s="381" t="s">
        <v>242</v>
      </c>
      <c r="J95" s="381"/>
      <c r="K95" s="381"/>
      <c r="L95" s="381"/>
      <c r="M95" s="381"/>
      <c r="N95" s="381"/>
      <c r="O95" s="381"/>
    </row>
    <row r="96" spans="1:30" ht="72">
      <c r="A96" s="37" t="s">
        <v>85</v>
      </c>
      <c r="B96" s="38" t="s">
        <v>86</v>
      </c>
      <c r="C96" s="38" t="s">
        <v>203</v>
      </c>
      <c r="D96" s="89" t="s">
        <v>154</v>
      </c>
      <c r="E96" s="38" t="s">
        <v>204</v>
      </c>
      <c r="F96" s="89" t="s">
        <v>155</v>
      </c>
      <c r="G96" s="38" t="s">
        <v>205</v>
      </c>
      <c r="H96" s="89" t="s">
        <v>156</v>
      </c>
      <c r="I96" s="65" t="s">
        <v>86</v>
      </c>
      <c r="J96" s="65" t="s">
        <v>203</v>
      </c>
      <c r="K96" s="88" t="s">
        <v>154</v>
      </c>
      <c r="L96" s="65" t="s">
        <v>204</v>
      </c>
      <c r="M96" s="88" t="s">
        <v>155</v>
      </c>
      <c r="N96" s="65" t="s">
        <v>205</v>
      </c>
      <c r="O96" s="88" t="s">
        <v>156</v>
      </c>
    </row>
    <row r="97" spans="1:15" ht="72">
      <c r="A97" s="41"/>
      <c r="B97" s="42" t="s">
        <v>89</v>
      </c>
      <c r="C97" s="42" t="s">
        <v>181</v>
      </c>
      <c r="D97" s="91" t="s">
        <v>104</v>
      </c>
      <c r="E97" s="42" t="s">
        <v>182</v>
      </c>
      <c r="F97" s="91" t="s">
        <v>104</v>
      </c>
      <c r="G97" s="42" t="s">
        <v>183</v>
      </c>
      <c r="H97" s="91" t="s">
        <v>104</v>
      </c>
      <c r="I97" s="68" t="s">
        <v>89</v>
      </c>
      <c r="J97" s="68" t="s">
        <v>181</v>
      </c>
      <c r="K97" s="90" t="s">
        <v>104</v>
      </c>
      <c r="L97" s="68" t="s">
        <v>182</v>
      </c>
      <c r="M97" s="90" t="s">
        <v>104</v>
      </c>
      <c r="N97" s="68" t="s">
        <v>183</v>
      </c>
      <c r="O97" s="90" t="s">
        <v>104</v>
      </c>
    </row>
    <row r="98" spans="1:15">
      <c r="A98" s="45" t="s">
        <v>424</v>
      </c>
      <c r="B98" s="172">
        <v>8564</v>
      </c>
      <c r="C98" s="177">
        <v>0.64300000000000002</v>
      </c>
      <c r="D98" s="94">
        <v>1.0352563855930568E-2</v>
      </c>
      <c r="E98" s="177">
        <v>8.2000000000000003E-2</v>
      </c>
      <c r="F98" s="94">
        <v>5.9345599913928392E-3</v>
      </c>
      <c r="G98" s="177">
        <v>0.27500000000000002</v>
      </c>
      <c r="H98" s="94">
        <v>9.6488839108659491E-3</v>
      </c>
      <c r="I98" s="172">
        <v>8575</v>
      </c>
      <c r="J98" s="177">
        <v>0.623</v>
      </c>
      <c r="K98" s="94">
        <v>1.0465004033900629E-2</v>
      </c>
      <c r="L98" s="177">
        <v>9.9000000000000005E-2</v>
      </c>
      <c r="M98" s="94">
        <v>6.4544062888594756E-3</v>
      </c>
      <c r="N98" s="177">
        <v>0.27900000000000003</v>
      </c>
      <c r="O98" s="94">
        <v>9.6856895190340735E-3</v>
      </c>
    </row>
    <row r="99" spans="1:15">
      <c r="A99" s="49" t="s">
        <v>425</v>
      </c>
      <c r="B99" s="174">
        <v>7972</v>
      </c>
      <c r="C99" s="178">
        <v>0.62339999999999995</v>
      </c>
      <c r="D99" s="97">
        <v>1.0851133399942283E-2</v>
      </c>
      <c r="E99" s="178">
        <v>0.1008</v>
      </c>
      <c r="F99" s="97">
        <v>6.7480507263889171E-3</v>
      </c>
      <c r="G99" s="178">
        <v>0.27579999999999999</v>
      </c>
      <c r="H99" s="97">
        <v>1.0009643400605403E-2</v>
      </c>
      <c r="I99" s="174">
        <v>7963</v>
      </c>
      <c r="J99" s="178">
        <v>0.65549999999999997</v>
      </c>
      <c r="K99" s="97">
        <v>1.0648462088641538E-2</v>
      </c>
      <c r="L99" s="178">
        <v>7.5700000000000003E-2</v>
      </c>
      <c r="M99" s="97">
        <v>5.9346781356819272E-3</v>
      </c>
      <c r="N99" s="178">
        <v>0.26879999999999998</v>
      </c>
      <c r="O99" s="97">
        <v>9.9351536580892571E-3</v>
      </c>
    </row>
    <row r="100" spans="1:15">
      <c r="A100" s="45" t="s">
        <v>426</v>
      </c>
      <c r="B100" s="172">
        <v>772</v>
      </c>
      <c r="C100" s="177">
        <v>0.76060000000000005</v>
      </c>
      <c r="D100" s="94">
        <v>3.0695206228583287E-2</v>
      </c>
      <c r="E100" s="177">
        <v>7.4899999999999994E-2</v>
      </c>
      <c r="F100" s="94">
        <v>1.9150540122356226E-2</v>
      </c>
      <c r="G100" s="177">
        <v>0.16450000000000001</v>
      </c>
      <c r="H100" s="94">
        <v>2.6728606840815954E-2</v>
      </c>
      <c r="I100" s="172">
        <v>775</v>
      </c>
      <c r="J100" s="177">
        <v>0.64800000000000002</v>
      </c>
      <c r="K100" s="94">
        <v>3.4239987228942073E-2</v>
      </c>
      <c r="L100" s="177">
        <v>8.3000000000000004E-2</v>
      </c>
      <c r="M100" s="94">
        <v>1.9998996329259174E-2</v>
      </c>
      <c r="N100" s="177">
        <v>0.26900000000000002</v>
      </c>
      <c r="O100" s="94">
        <v>3.1819903020326883E-2</v>
      </c>
    </row>
    <row r="101" spans="1:15">
      <c r="A101" s="49" t="s">
        <v>427</v>
      </c>
      <c r="B101" s="174">
        <v>6257</v>
      </c>
      <c r="C101" s="178">
        <v>0.624</v>
      </c>
      <c r="D101" s="97">
        <v>1.2243695995544345E-2</v>
      </c>
      <c r="E101" s="178">
        <v>9.9000000000000005E-2</v>
      </c>
      <c r="F101" s="97">
        <v>7.5576640938560908E-3</v>
      </c>
      <c r="G101" s="178">
        <v>0.27800000000000002</v>
      </c>
      <c r="H101" s="97">
        <v>1.1325756909441851E-2</v>
      </c>
      <c r="I101" s="174">
        <v>6252</v>
      </c>
      <c r="J101" s="178">
        <v>0.64300000000000002</v>
      </c>
      <c r="K101" s="97">
        <v>1.2115628480967104E-2</v>
      </c>
      <c r="L101" s="178">
        <v>8.2000000000000003E-2</v>
      </c>
      <c r="M101" s="97">
        <v>6.9478952633413313E-3</v>
      </c>
      <c r="N101" s="178">
        <v>0.27400000000000002</v>
      </c>
      <c r="O101" s="97">
        <v>1.1279672255893538E-2</v>
      </c>
    </row>
    <row r="102" spans="1:15">
      <c r="A102" s="45" t="s">
        <v>428</v>
      </c>
      <c r="B102" s="172">
        <v>2320</v>
      </c>
      <c r="C102" s="177">
        <v>0.52</v>
      </c>
      <c r="D102" s="94">
        <v>2.072695102303854E-2</v>
      </c>
      <c r="E102" s="177">
        <v>0.125</v>
      </c>
      <c r="F102" s="94">
        <v>1.3750835529767778E-2</v>
      </c>
      <c r="G102" s="177">
        <v>0.35499999999999998</v>
      </c>
      <c r="H102" s="94">
        <v>1.9855212269544932E-2</v>
      </c>
      <c r="I102" s="172">
        <v>2314</v>
      </c>
      <c r="J102" s="177">
        <v>0.58699999999999997</v>
      </c>
      <c r="K102" s="94">
        <v>2.0454587844806291E-2</v>
      </c>
      <c r="L102" s="177">
        <v>8.5999999999999993E-2</v>
      </c>
      <c r="M102" s="94">
        <v>1.1690207420096849E-2</v>
      </c>
      <c r="N102" s="177">
        <v>0.32700000000000001</v>
      </c>
      <c r="O102" s="94">
        <v>1.9492004217718319E-2</v>
      </c>
    </row>
    <row r="103" spans="1:15">
      <c r="A103" s="49" t="s">
        <v>429</v>
      </c>
      <c r="B103" s="174">
        <v>562</v>
      </c>
      <c r="C103" s="178">
        <v>0.59599999999999997</v>
      </c>
      <c r="D103" s="97">
        <v>4.126222283382798E-2</v>
      </c>
      <c r="E103" s="178">
        <v>0.10299999999999999</v>
      </c>
      <c r="F103" s="97">
        <v>2.5857836036197485E-2</v>
      </c>
      <c r="G103" s="178">
        <v>0.30099999999999999</v>
      </c>
      <c r="H103" s="97">
        <v>3.8611662091442692E-2</v>
      </c>
      <c r="I103" s="174">
        <v>557</v>
      </c>
      <c r="J103" s="178">
        <v>0.59099999999999997</v>
      </c>
      <c r="K103" s="97">
        <v>4.1524999933481313E-2</v>
      </c>
      <c r="L103" s="178">
        <v>8.3000000000000004E-2</v>
      </c>
      <c r="M103" s="97">
        <v>2.3670624596510616E-2</v>
      </c>
      <c r="N103" s="178">
        <v>0.32600000000000001</v>
      </c>
      <c r="O103" s="97">
        <v>3.9619779727090736E-2</v>
      </c>
    </row>
    <row r="104" spans="1:15">
      <c r="A104" s="45" t="s">
        <v>430</v>
      </c>
      <c r="B104" s="172">
        <v>1472</v>
      </c>
      <c r="C104" s="177">
        <v>0.48699999999999999</v>
      </c>
      <c r="D104" s="94">
        <v>2.6020208674790189E-2</v>
      </c>
      <c r="E104" s="177">
        <v>0.124</v>
      </c>
      <c r="F104" s="94">
        <v>1.7217658679769172E-2</v>
      </c>
      <c r="G104" s="177">
        <v>0.38900000000000001</v>
      </c>
      <c r="H104" s="94">
        <v>2.538301130423334E-2</v>
      </c>
      <c r="I104" s="172">
        <v>1473</v>
      </c>
      <c r="J104" s="177">
        <v>0.59799999999999998</v>
      </c>
      <c r="K104" s="94">
        <v>2.5518214638123426E-2</v>
      </c>
      <c r="L104" s="177">
        <v>8.4000000000000005E-2</v>
      </c>
      <c r="M104" s="94">
        <v>1.4522885411684196E-2</v>
      </c>
      <c r="N104" s="177">
        <v>0.318</v>
      </c>
      <c r="O104" s="94">
        <v>2.4245146615551567E-2</v>
      </c>
    </row>
    <row r="105" spans="1:15">
      <c r="A105" s="49" t="s">
        <v>431</v>
      </c>
      <c r="B105" s="174">
        <v>215</v>
      </c>
      <c r="C105" s="178">
        <v>0.46600000000000003</v>
      </c>
      <c r="D105" s="97">
        <v>6.7422994148722368E-2</v>
      </c>
      <c r="E105" s="178">
        <v>0.23</v>
      </c>
      <c r="F105" s="97">
        <v>5.7296583837351062E-2</v>
      </c>
      <c r="G105" s="178">
        <v>0.30399999999999999</v>
      </c>
      <c r="H105" s="97">
        <v>6.2369426483692876E-2</v>
      </c>
      <c r="I105" s="174">
        <v>216</v>
      </c>
      <c r="J105" s="178">
        <v>0.40300000000000002</v>
      </c>
      <c r="K105" s="97">
        <v>6.6185694010567009E-2</v>
      </c>
      <c r="L105" s="178">
        <v>7.3999999999999996E-2</v>
      </c>
      <c r="M105" s="97">
        <v>3.6942986837610284E-2</v>
      </c>
      <c r="N105" s="178">
        <v>0.52300000000000002</v>
      </c>
      <c r="O105" s="97">
        <v>6.7351191052113124E-2</v>
      </c>
    </row>
    <row r="106" spans="1:15">
      <c r="A106" s="45" t="s">
        <v>432</v>
      </c>
      <c r="B106" s="172">
        <v>517</v>
      </c>
      <c r="C106" s="177">
        <v>0.58599999999999997</v>
      </c>
      <c r="D106" s="94">
        <v>4.3167942383531673E-2</v>
      </c>
      <c r="E106" s="177">
        <v>0.113</v>
      </c>
      <c r="F106" s="94">
        <v>2.805559162576857E-2</v>
      </c>
      <c r="G106" s="177">
        <v>0.30099999999999999</v>
      </c>
      <c r="H106" s="94">
        <v>4.0249199036637047E-2</v>
      </c>
      <c r="I106" s="172">
        <v>513</v>
      </c>
      <c r="J106" s="177">
        <v>0.56699999999999995</v>
      </c>
      <c r="K106" s="94">
        <v>4.358945035620379E-2</v>
      </c>
      <c r="L106" s="177">
        <v>0.10199999999999999</v>
      </c>
      <c r="M106" s="94">
        <v>2.6973393813244446E-2</v>
      </c>
      <c r="N106" s="177">
        <v>0.33100000000000002</v>
      </c>
      <c r="O106" s="94">
        <v>4.1432683166197894E-2</v>
      </c>
    </row>
    <row r="107" spans="1:15">
      <c r="A107" s="49" t="s">
        <v>433</v>
      </c>
      <c r="B107" s="174">
        <v>659</v>
      </c>
      <c r="C107" s="178">
        <v>0.51800000000000002</v>
      </c>
      <c r="D107" s="97">
        <v>3.8811910419361682E-2</v>
      </c>
      <c r="E107" s="178">
        <v>0.108</v>
      </c>
      <c r="F107" s="97">
        <v>2.4338558828807713E-2</v>
      </c>
      <c r="G107" s="178">
        <v>0.374</v>
      </c>
      <c r="H107" s="97">
        <v>3.7598737802994983E-2</v>
      </c>
      <c r="I107" s="174">
        <v>661</v>
      </c>
      <c r="J107" s="178">
        <v>0.61699999999999999</v>
      </c>
      <c r="K107" s="97">
        <v>3.7714813062543463E-2</v>
      </c>
      <c r="L107" s="178">
        <v>7.8E-2</v>
      </c>
      <c r="M107" s="97">
        <v>2.1105096232372861E-2</v>
      </c>
      <c r="N107" s="178">
        <v>0.30399999999999999</v>
      </c>
      <c r="O107" s="97">
        <v>3.5713543476926748E-2</v>
      </c>
    </row>
    <row r="108" spans="1:15">
      <c r="A108" s="45" t="s">
        <v>434</v>
      </c>
      <c r="B108" s="172">
        <v>908</v>
      </c>
      <c r="C108" s="177">
        <v>0.47899999999999998</v>
      </c>
      <c r="D108" s="94">
        <v>3.3084345952354231E-2</v>
      </c>
      <c r="E108" s="177">
        <v>9.4E-2</v>
      </c>
      <c r="F108" s="94">
        <v>1.9489848788921238E-2</v>
      </c>
      <c r="G108" s="177">
        <v>0.42699999999999999</v>
      </c>
      <c r="H108" s="94">
        <v>3.2761608569485588E-2</v>
      </c>
      <c r="I108" s="172">
        <v>904</v>
      </c>
      <c r="J108" s="177">
        <v>0.68799999999999994</v>
      </c>
      <c r="K108" s="94">
        <v>3.0773201552895382E-2</v>
      </c>
      <c r="L108" s="177">
        <v>8.2000000000000003E-2</v>
      </c>
      <c r="M108" s="94">
        <v>1.8395080231063673E-2</v>
      </c>
      <c r="N108" s="177">
        <v>0.23</v>
      </c>
      <c r="O108" s="94">
        <v>2.79821273993856E-2</v>
      </c>
    </row>
    <row r="109" spans="1:15">
      <c r="A109" s="49" t="s">
        <v>435</v>
      </c>
      <c r="B109" s="174">
        <v>674</v>
      </c>
      <c r="C109" s="178">
        <v>0.53800000000000003</v>
      </c>
      <c r="D109" s="97">
        <v>3.8295003647353894E-2</v>
      </c>
      <c r="E109" s="178">
        <v>0.158</v>
      </c>
      <c r="F109" s="97">
        <v>2.8160102226971045E-2</v>
      </c>
      <c r="G109" s="178">
        <v>0.30399999999999999</v>
      </c>
      <c r="H109" s="97">
        <v>3.536876519857976E-2</v>
      </c>
      <c r="I109" s="174">
        <v>673</v>
      </c>
      <c r="J109" s="178">
        <v>0.64900000000000002</v>
      </c>
      <c r="K109" s="97">
        <v>3.6708003515828598E-2</v>
      </c>
      <c r="L109" s="178">
        <v>8.2000000000000003E-2</v>
      </c>
      <c r="M109" s="97">
        <v>2.137580817106078E-2</v>
      </c>
      <c r="N109" s="178">
        <v>0.26900000000000002</v>
      </c>
      <c r="O109" s="97">
        <v>3.4140010231916096E-2</v>
      </c>
    </row>
    <row r="110" spans="1:15">
      <c r="A110" s="45" t="s">
        <v>436</v>
      </c>
      <c r="B110" s="172">
        <v>125</v>
      </c>
      <c r="C110" s="177">
        <v>0.60699999999999998</v>
      </c>
      <c r="D110" s="94">
        <v>8.6131323478044974E-2</v>
      </c>
      <c r="E110" s="177">
        <v>0.14399999999999999</v>
      </c>
      <c r="F110" s="94">
        <v>6.3734367028949662E-2</v>
      </c>
      <c r="G110" s="177">
        <v>0.25</v>
      </c>
      <c r="H110" s="94">
        <v>7.7021264847776938E-2</v>
      </c>
      <c r="I110" s="172">
        <v>123</v>
      </c>
      <c r="J110" s="177">
        <v>0.47199999999999998</v>
      </c>
      <c r="K110" s="94">
        <v>8.8605043865106911E-2</v>
      </c>
      <c r="L110" s="177">
        <v>0.19800000000000001</v>
      </c>
      <c r="M110" s="94">
        <v>7.1969078948552256E-2</v>
      </c>
      <c r="N110" s="177">
        <v>0.33</v>
      </c>
      <c r="O110" s="94">
        <v>8.3786719031704926E-2</v>
      </c>
    </row>
    <row r="111" spans="1:15">
      <c r="A111" s="49" t="s">
        <v>437</v>
      </c>
      <c r="B111" s="174">
        <v>135</v>
      </c>
      <c r="C111" s="178">
        <v>0.497</v>
      </c>
      <c r="D111" s="97">
        <v>8.4817452821314199E-2</v>
      </c>
      <c r="E111" s="178">
        <v>0.17299999999999999</v>
      </c>
      <c r="F111" s="97">
        <v>6.5511081515535877E-2</v>
      </c>
      <c r="G111" s="178">
        <v>0.33</v>
      </c>
      <c r="H111" s="97">
        <v>8.0061015732444674E-2</v>
      </c>
      <c r="I111" s="174">
        <v>136</v>
      </c>
      <c r="J111" s="178">
        <v>0.65300000000000002</v>
      </c>
      <c r="K111" s="97">
        <v>8.0695113634169244E-2</v>
      </c>
      <c r="L111" s="178">
        <v>0.124</v>
      </c>
      <c r="M111" s="97">
        <v>5.7715365518288285E-2</v>
      </c>
      <c r="N111" s="178">
        <v>0.222</v>
      </c>
      <c r="O111" s="97">
        <v>7.1127479036252078E-2</v>
      </c>
    </row>
    <row r="112" spans="1:15" ht="25.5">
      <c r="A112" s="45" t="s">
        <v>438</v>
      </c>
      <c r="B112" s="172">
        <v>232</v>
      </c>
      <c r="C112" s="177">
        <v>0.60399999999999998</v>
      </c>
      <c r="D112" s="94">
        <v>6.3719131697760958E-2</v>
      </c>
      <c r="E112" s="177">
        <v>9.8000000000000004E-2</v>
      </c>
      <c r="F112" s="94">
        <v>3.9878560805738157E-2</v>
      </c>
      <c r="G112" s="177">
        <v>0.29799999999999999</v>
      </c>
      <c r="H112" s="94">
        <v>5.9740606597512874E-2</v>
      </c>
      <c r="I112" s="172">
        <v>231</v>
      </c>
      <c r="J112" s="177">
        <v>0.65600000000000003</v>
      </c>
      <c r="K112" s="94">
        <v>6.2089216366579485E-2</v>
      </c>
      <c r="L112" s="177">
        <v>6.5000000000000002E-2</v>
      </c>
      <c r="M112" s="94">
        <v>3.3810958598889253E-2</v>
      </c>
      <c r="N112" s="177">
        <v>0.27900000000000003</v>
      </c>
      <c r="O112" s="94">
        <v>5.8754088594720165E-2</v>
      </c>
    </row>
    <row r="113" spans="1:28">
      <c r="A113" s="49" t="s">
        <v>439</v>
      </c>
      <c r="B113" s="174">
        <v>378</v>
      </c>
      <c r="C113" s="178">
        <v>0.40600000000000003</v>
      </c>
      <c r="D113" s="97">
        <v>5.0271313969740924E-2</v>
      </c>
      <c r="E113" s="178">
        <v>0.13400000000000001</v>
      </c>
      <c r="F113" s="97">
        <v>3.5275233959584158E-2</v>
      </c>
      <c r="G113" s="178">
        <v>0.46100000000000002</v>
      </c>
      <c r="H113" s="97">
        <v>5.1011823558241312E-2</v>
      </c>
      <c r="I113" s="174">
        <v>378</v>
      </c>
      <c r="J113" s="178">
        <v>0.44500000000000001</v>
      </c>
      <c r="K113" s="97">
        <v>5.0860451633614551E-2</v>
      </c>
      <c r="L113" s="178">
        <v>5.8999999999999997E-2</v>
      </c>
      <c r="M113" s="97">
        <v>2.4975501386316545E-2</v>
      </c>
      <c r="N113" s="178">
        <v>0.496</v>
      </c>
      <c r="O113" s="97">
        <v>5.1162847830814907E-2</v>
      </c>
    </row>
    <row r="114" spans="1:28">
      <c r="A114" s="45" t="s">
        <v>440</v>
      </c>
      <c r="B114" s="172">
        <v>383</v>
      </c>
      <c r="C114" s="177">
        <v>0.49099999999999999</v>
      </c>
      <c r="D114" s="94">
        <v>5.0824790565975088E-2</v>
      </c>
      <c r="E114" s="177">
        <v>9.5000000000000001E-2</v>
      </c>
      <c r="F114" s="94">
        <v>3.0389066218344994E-2</v>
      </c>
      <c r="G114" s="177">
        <v>0.41399999999999998</v>
      </c>
      <c r="H114" s="94">
        <v>5.0090986853762363E-2</v>
      </c>
      <c r="I114" s="172">
        <v>385</v>
      </c>
      <c r="J114" s="177">
        <v>0.59799999999999998</v>
      </c>
      <c r="K114" s="94">
        <v>4.97389065886275E-2</v>
      </c>
      <c r="L114" s="177">
        <v>0.08</v>
      </c>
      <c r="M114" s="94">
        <v>2.8176657508251664E-2</v>
      </c>
      <c r="N114" s="177">
        <v>0.32200000000000001</v>
      </c>
      <c r="O114" s="94">
        <v>4.7450610106406159E-2</v>
      </c>
    </row>
    <row r="115" spans="1:28">
      <c r="A115" s="49" t="s">
        <v>441</v>
      </c>
      <c r="B115" s="174">
        <v>265</v>
      </c>
      <c r="C115" s="178">
        <v>0.58599999999999997</v>
      </c>
      <c r="D115" s="97">
        <v>6.0089440156765449E-2</v>
      </c>
      <c r="E115" s="178">
        <v>6.2E-2</v>
      </c>
      <c r="F115" s="97">
        <v>3.0805536714547024E-2</v>
      </c>
      <c r="G115" s="178">
        <v>0.35099999999999998</v>
      </c>
      <c r="H115" s="97">
        <v>5.8284565836952976E-2</v>
      </c>
      <c r="I115" s="174">
        <v>263</v>
      </c>
      <c r="J115" s="178">
        <v>0.59</v>
      </c>
      <c r="K115" s="97">
        <v>6.0229384080949702E-2</v>
      </c>
      <c r="L115" s="178">
        <v>9.7000000000000003E-2</v>
      </c>
      <c r="M115" s="97">
        <v>3.7209949220247521E-2</v>
      </c>
      <c r="N115" s="178">
        <v>0.313</v>
      </c>
      <c r="O115" s="97">
        <v>5.689479244060431E-2</v>
      </c>
    </row>
    <row r="116" spans="1:28">
      <c r="A116" s="45" t="s">
        <v>442</v>
      </c>
      <c r="B116" s="172">
        <v>705</v>
      </c>
      <c r="C116" s="177">
        <v>0.53200000000000003</v>
      </c>
      <c r="D116" s="94">
        <v>3.7479662314561103E-2</v>
      </c>
      <c r="E116" s="177">
        <v>9.2999999999999999E-2</v>
      </c>
      <c r="F116" s="94">
        <v>2.2054532701035738E-2</v>
      </c>
      <c r="G116" s="177">
        <v>0.376</v>
      </c>
      <c r="H116" s="94">
        <v>3.6395957993753517E-2</v>
      </c>
      <c r="I116" s="172">
        <v>706</v>
      </c>
      <c r="J116" s="177">
        <v>0.63600000000000001</v>
      </c>
      <c r="K116" s="94">
        <v>3.6130578409444412E-2</v>
      </c>
      <c r="L116" s="177">
        <v>9.6000000000000002E-2</v>
      </c>
      <c r="M116" s="94">
        <v>2.2344028800437416E-2</v>
      </c>
      <c r="N116" s="177">
        <v>0.26900000000000002</v>
      </c>
      <c r="O116" s="94">
        <v>3.3334713711910609E-2</v>
      </c>
    </row>
    <row r="117" spans="1:28">
      <c r="A117" s="49" t="s">
        <v>443</v>
      </c>
      <c r="B117" s="174">
        <v>942</v>
      </c>
      <c r="C117" s="178">
        <v>0.48</v>
      </c>
      <c r="D117" s="97">
        <v>3.2487003451947424E-2</v>
      </c>
      <c r="E117" s="178">
        <v>0.14000000000000001</v>
      </c>
      <c r="F117" s="97">
        <v>2.266528820974659E-2</v>
      </c>
      <c r="G117" s="178">
        <v>0.379</v>
      </c>
      <c r="H117" s="97">
        <v>3.1554681033037164E-2</v>
      </c>
      <c r="I117" s="174">
        <v>937</v>
      </c>
      <c r="J117" s="178">
        <v>0.53900000000000003</v>
      </c>
      <c r="K117" s="97">
        <v>3.2500594513727277E-2</v>
      </c>
      <c r="L117" s="178">
        <v>7.8E-2</v>
      </c>
      <c r="M117" s="97">
        <v>1.7666984407303698E-2</v>
      </c>
      <c r="N117" s="178">
        <v>0.38300000000000001</v>
      </c>
      <c r="O117" s="97">
        <v>3.1701794031683939E-2</v>
      </c>
    </row>
    <row r="118" spans="1:28">
      <c r="A118" s="45" t="s">
        <v>444</v>
      </c>
      <c r="B118" s="172">
        <v>259</v>
      </c>
      <c r="C118" s="177">
        <v>0.52800000000000002</v>
      </c>
      <c r="D118" s="94">
        <v>6.1568801856669346E-2</v>
      </c>
      <c r="E118" s="177">
        <v>0.17899999999999999</v>
      </c>
      <c r="F118" s="94">
        <v>4.7774739465006766E-2</v>
      </c>
      <c r="G118" s="177">
        <v>0.29199999999999998</v>
      </c>
      <c r="H118" s="94">
        <v>5.6250662183026413E-2</v>
      </c>
      <c r="I118" s="172">
        <v>258</v>
      </c>
      <c r="J118" s="177">
        <v>0.61199999999999999</v>
      </c>
      <c r="K118" s="94">
        <v>6.025848887799911E-2</v>
      </c>
      <c r="L118" s="177">
        <v>6.6000000000000003E-2</v>
      </c>
      <c r="M118" s="94">
        <v>3.206658744170094E-2</v>
      </c>
      <c r="N118" s="177">
        <v>0.32200000000000001</v>
      </c>
      <c r="O118" s="94">
        <v>5.7859538429204924E-2</v>
      </c>
    </row>
    <row r="119" spans="1:28">
      <c r="A119" s="49" t="s">
        <v>445</v>
      </c>
      <c r="B119" s="174">
        <v>179</v>
      </c>
      <c r="C119" s="178">
        <v>0.55500000000000005</v>
      </c>
      <c r="D119" s="97">
        <v>7.349298991684565E-2</v>
      </c>
      <c r="E119" s="178">
        <v>0.11</v>
      </c>
      <c r="F119" s="97">
        <v>4.7787441862797916E-2</v>
      </c>
      <c r="G119" s="178">
        <v>0.33500000000000002</v>
      </c>
      <c r="H119" s="97">
        <v>6.9965199261652025E-2</v>
      </c>
      <c r="I119" s="174">
        <v>177</v>
      </c>
      <c r="J119" s="178">
        <v>0.57399999999999995</v>
      </c>
      <c r="K119" s="97">
        <v>7.3546821821164357E-2</v>
      </c>
      <c r="L119" s="178">
        <v>7.8E-2</v>
      </c>
      <c r="M119" s="97">
        <v>4.1968191681621705E-2</v>
      </c>
      <c r="N119" s="178">
        <v>0.34799999999999998</v>
      </c>
      <c r="O119" s="97">
        <v>7.0968966466561256E-2</v>
      </c>
    </row>
    <row r="120" spans="1:28">
      <c r="A120" s="45" t="s">
        <v>446</v>
      </c>
      <c r="B120" s="172">
        <v>152</v>
      </c>
      <c r="C120" s="177">
        <v>0.504</v>
      </c>
      <c r="D120" s="94">
        <v>8.0061644517885985E-2</v>
      </c>
      <c r="E120" s="177">
        <v>9.4E-2</v>
      </c>
      <c r="F120" s="94">
        <v>4.8965910372735774E-2</v>
      </c>
      <c r="G120" s="177">
        <v>0.40200000000000002</v>
      </c>
      <c r="H120" s="94">
        <v>7.8590499614005868E-2</v>
      </c>
      <c r="I120" s="172">
        <v>153</v>
      </c>
      <c r="J120" s="177">
        <v>0.51300000000000001</v>
      </c>
      <c r="K120" s="94">
        <v>7.9783066026446484E-2</v>
      </c>
      <c r="L120" s="177">
        <v>0.122</v>
      </c>
      <c r="M120" s="94">
        <v>5.3964830593744545E-2</v>
      </c>
      <c r="N120" s="177">
        <v>0.36599999999999999</v>
      </c>
      <c r="O120" s="94">
        <v>7.7038711409055161E-2</v>
      </c>
    </row>
    <row r="121" spans="1:28">
      <c r="A121" s="49" t="s">
        <v>447</v>
      </c>
      <c r="B121" s="174">
        <v>75</v>
      </c>
      <c r="C121" s="178">
        <v>0.58699999999999997</v>
      </c>
      <c r="D121" s="97">
        <v>0.11096311998343728</v>
      </c>
      <c r="E121" s="178">
        <v>0.14299999999999999</v>
      </c>
      <c r="F121" s="97">
        <v>8.2716685259890482E-2</v>
      </c>
      <c r="G121" s="178">
        <v>0.27</v>
      </c>
      <c r="H121" s="97">
        <v>0.10121323342043549</v>
      </c>
      <c r="I121" s="174">
        <v>75</v>
      </c>
      <c r="J121" s="178">
        <v>0.70799999999999996</v>
      </c>
      <c r="K121" s="97">
        <v>0.10336276267973754</v>
      </c>
      <c r="L121" s="178">
        <v>9.4E-2</v>
      </c>
      <c r="M121" s="97">
        <v>7.1665066424745072E-2</v>
      </c>
      <c r="N121" s="178">
        <v>0.19800000000000001</v>
      </c>
      <c r="O121" s="97">
        <v>9.2174306302675299E-2</v>
      </c>
    </row>
    <row r="123" spans="1:28" ht="18.75">
      <c r="A123" s="343" t="s">
        <v>265</v>
      </c>
      <c r="B123" s="343"/>
      <c r="C123" s="343"/>
      <c r="D123" s="343"/>
      <c r="E123" s="343"/>
      <c r="F123" s="343"/>
      <c r="G123" s="343"/>
      <c r="H123" s="343"/>
      <c r="I123" s="343"/>
      <c r="J123" s="343"/>
      <c r="K123" s="343"/>
      <c r="L123" s="343"/>
      <c r="M123" s="226"/>
      <c r="N123" s="226"/>
      <c r="O123" s="226"/>
      <c r="P123" s="226"/>
      <c r="Q123" s="226"/>
      <c r="R123" s="226"/>
      <c r="S123" s="226"/>
      <c r="T123" s="226"/>
      <c r="U123" s="226"/>
      <c r="V123" s="226"/>
      <c r="W123" s="226"/>
      <c r="X123" s="226"/>
      <c r="Y123" s="226"/>
      <c r="Z123" s="226"/>
      <c r="AA123" s="226"/>
      <c r="AB123" s="256"/>
    </row>
    <row r="124" spans="1:28" ht="38.450000000000003" customHeight="1">
      <c r="A124" s="400" t="s">
        <v>514</v>
      </c>
      <c r="B124" s="400"/>
      <c r="C124" s="400"/>
      <c r="D124" s="400"/>
      <c r="E124" s="400"/>
      <c r="F124" s="400"/>
      <c r="G124" s="400"/>
      <c r="H124" s="400"/>
      <c r="I124" s="400"/>
      <c r="J124" s="400"/>
      <c r="K124" s="400"/>
      <c r="L124" s="400"/>
      <c r="M124" s="252"/>
      <c r="N124" s="252"/>
      <c r="O124" s="252"/>
      <c r="P124" s="252"/>
      <c r="Q124" s="252"/>
      <c r="R124" s="252"/>
      <c r="S124" s="252"/>
      <c r="T124" s="252"/>
      <c r="U124" s="252"/>
      <c r="V124" s="252"/>
      <c r="W124" s="252"/>
      <c r="X124" s="252"/>
      <c r="Y124" s="252"/>
      <c r="Z124" s="252"/>
      <c r="AA124" s="252"/>
      <c r="AB124" s="256"/>
    </row>
    <row r="125" spans="1:28" ht="38.25" customHeight="1">
      <c r="A125" s="398" t="s">
        <v>266</v>
      </c>
      <c r="B125" s="399"/>
      <c r="C125" s="399"/>
      <c r="D125" s="399"/>
      <c r="E125" s="399"/>
      <c r="F125" s="399"/>
      <c r="G125" s="399"/>
      <c r="H125" s="399"/>
      <c r="I125" s="399"/>
      <c r="J125" s="399"/>
      <c r="K125" s="399"/>
      <c r="L125" s="399"/>
      <c r="M125" s="247"/>
      <c r="N125" s="256"/>
      <c r="O125" s="256"/>
      <c r="P125" s="256"/>
      <c r="Q125" s="256"/>
      <c r="R125" s="256"/>
      <c r="S125" s="256"/>
      <c r="T125" s="256"/>
      <c r="U125" s="256"/>
      <c r="V125" s="256"/>
      <c r="W125" s="256"/>
      <c r="X125" s="256"/>
      <c r="Y125" s="256"/>
      <c r="Z125" s="256"/>
      <c r="AA125" s="256"/>
      <c r="AB125" s="256"/>
    </row>
    <row r="126" spans="1:28" ht="72">
      <c r="A126" s="37" t="s">
        <v>85</v>
      </c>
      <c r="B126" s="38" t="s">
        <v>86</v>
      </c>
      <c r="C126" s="39" t="s">
        <v>87</v>
      </c>
      <c r="D126" s="40" t="s">
        <v>88</v>
      </c>
      <c r="E126" s="38" t="s">
        <v>267</v>
      </c>
      <c r="F126" s="89" t="s">
        <v>319</v>
      </c>
      <c r="G126" s="38" t="s">
        <v>268</v>
      </c>
      <c r="H126" s="89" t="s">
        <v>320</v>
      </c>
      <c r="I126" s="38" t="s">
        <v>374</v>
      </c>
      <c r="J126" s="89" t="s">
        <v>321</v>
      </c>
      <c r="K126" s="38" t="s">
        <v>353</v>
      </c>
      <c r="L126" s="89" t="s">
        <v>352</v>
      </c>
      <c r="M126" s="247"/>
      <c r="N126" s="255"/>
      <c r="O126" s="247"/>
      <c r="P126" s="255"/>
      <c r="Q126" s="247"/>
    </row>
    <row r="127" spans="1:28" ht="72">
      <c r="A127" s="41"/>
      <c r="B127" s="42" t="s">
        <v>89</v>
      </c>
      <c r="C127" s="125" t="s">
        <v>356</v>
      </c>
      <c r="D127" s="44" t="s">
        <v>91</v>
      </c>
      <c r="E127" s="42" t="s">
        <v>181</v>
      </c>
      <c r="F127" s="91" t="s">
        <v>104</v>
      </c>
      <c r="G127" s="42" t="s">
        <v>182</v>
      </c>
      <c r="H127" s="91" t="s">
        <v>104</v>
      </c>
      <c r="I127" s="42" t="s">
        <v>183</v>
      </c>
      <c r="J127" s="91" t="s">
        <v>104</v>
      </c>
      <c r="K127" s="42" t="s">
        <v>353</v>
      </c>
      <c r="L127" s="91" t="s">
        <v>104</v>
      </c>
    </row>
    <row r="128" spans="1:28">
      <c r="A128" s="45" t="s">
        <v>424</v>
      </c>
      <c r="B128" s="172">
        <v>10998</v>
      </c>
      <c r="C128" s="173">
        <v>5.18</v>
      </c>
      <c r="D128" s="85">
        <v>1.9599999999999999E-2</v>
      </c>
      <c r="E128" s="177">
        <v>0.122</v>
      </c>
      <c r="F128" s="94">
        <v>6.2435533845204179E-3</v>
      </c>
      <c r="G128" s="177">
        <v>0.159</v>
      </c>
      <c r="H128" s="94">
        <v>6.9747391938981785E-3</v>
      </c>
      <c r="I128" s="177">
        <v>0.69599999999999995</v>
      </c>
      <c r="J128" s="94">
        <v>8.7713057149752891E-3</v>
      </c>
      <c r="K128" s="93">
        <v>2.1999999999999999E-2</v>
      </c>
      <c r="L128" s="94">
        <v>2.8076627800380362E-3</v>
      </c>
    </row>
    <row r="129" spans="1:12">
      <c r="A129" s="49" t="s">
        <v>425</v>
      </c>
      <c r="B129" s="174">
        <v>8704</v>
      </c>
      <c r="C129" s="175">
        <v>5.18</v>
      </c>
      <c r="D129" s="176">
        <v>3.0241232E-2</v>
      </c>
      <c r="E129" s="178">
        <v>0.13600000000000001</v>
      </c>
      <c r="F129" s="97">
        <v>7.350584723771033E-3</v>
      </c>
      <c r="G129" s="178">
        <v>0.14299999999999999</v>
      </c>
      <c r="H129" s="97">
        <v>7.5064834914501275E-3</v>
      </c>
      <c r="I129" s="178">
        <v>0.70899999999999996</v>
      </c>
      <c r="J129" s="97">
        <v>9.7360460509007974E-3</v>
      </c>
      <c r="K129" s="96">
        <v>1.2E-2</v>
      </c>
      <c r="L129" s="97">
        <v>2.3551009506040999E-3</v>
      </c>
    </row>
    <row r="130" spans="1:12">
      <c r="A130" s="45" t="s">
        <v>426</v>
      </c>
      <c r="B130" s="172">
        <v>1985</v>
      </c>
      <c r="C130" s="173">
        <v>5.1100000000000003</v>
      </c>
      <c r="D130" s="85">
        <v>5.8799999999999998E-2</v>
      </c>
      <c r="E130" s="177">
        <v>0.11020000000000001</v>
      </c>
      <c r="F130" s="94">
        <v>1.4086316035216383E-2</v>
      </c>
      <c r="G130" s="177">
        <v>0.18759999999999999</v>
      </c>
      <c r="H130" s="94">
        <v>1.7529598858582702E-2</v>
      </c>
      <c r="I130" s="177">
        <v>0.66069999999999995</v>
      </c>
      <c r="J130" s="94">
        <v>2.1237685032857008E-2</v>
      </c>
      <c r="K130" s="93">
        <v>4.1500000000000002E-2</v>
      </c>
      <c r="L130" s="94">
        <v>9.0384841972558465E-3</v>
      </c>
    </row>
    <row r="131" spans="1:12">
      <c r="A131" s="49" t="s">
        <v>427</v>
      </c>
      <c r="B131" s="174">
        <v>8495</v>
      </c>
      <c r="C131" s="175">
        <v>5.18</v>
      </c>
      <c r="D131" s="176">
        <v>3.9199999999999999E-2</v>
      </c>
      <c r="E131" s="178">
        <v>0.122</v>
      </c>
      <c r="F131" s="97">
        <v>7.1046987738716937E-3</v>
      </c>
      <c r="G131" s="178">
        <v>0.159</v>
      </c>
      <c r="H131" s="97">
        <v>7.9363400791308408E-3</v>
      </c>
      <c r="I131" s="178">
        <v>0.69599999999999995</v>
      </c>
      <c r="J131" s="97">
        <v>9.9798632879456017E-3</v>
      </c>
      <c r="K131" s="96">
        <v>2.1999999999999999E-2</v>
      </c>
      <c r="L131" s="97">
        <v>3.1980564206277036E-3</v>
      </c>
    </row>
    <row r="132" spans="1:12">
      <c r="A132" s="45" t="s">
        <v>428</v>
      </c>
      <c r="B132" s="172">
        <v>2505</v>
      </c>
      <c r="C132" s="173">
        <v>4.96</v>
      </c>
      <c r="D132" s="85">
        <v>5.8799999999999998E-2</v>
      </c>
      <c r="E132" s="177">
        <v>0.153</v>
      </c>
      <c r="F132" s="94">
        <v>1.439490967912826E-2</v>
      </c>
      <c r="G132" s="177">
        <v>0.183</v>
      </c>
      <c r="H132" s="94">
        <v>1.5455417100536821E-2</v>
      </c>
      <c r="I132" s="177">
        <v>0.64300000000000002</v>
      </c>
      <c r="J132" s="94">
        <v>1.9132903474732694E-2</v>
      </c>
      <c r="K132" s="93">
        <v>0.02</v>
      </c>
      <c r="L132" s="94">
        <v>5.6936609969754394E-3</v>
      </c>
    </row>
    <row r="133" spans="1:12">
      <c r="A133" s="49" t="s">
        <v>429</v>
      </c>
      <c r="B133" s="174">
        <v>616</v>
      </c>
      <c r="C133" s="175">
        <v>5.07</v>
      </c>
      <c r="D133" s="176">
        <v>0.1176</v>
      </c>
      <c r="E133" s="178">
        <v>0.123</v>
      </c>
      <c r="F133" s="97">
        <v>2.6603299177085191E-2</v>
      </c>
      <c r="G133" s="178">
        <v>0.20599999999999999</v>
      </c>
      <c r="H133" s="97">
        <v>3.2594844780738257E-2</v>
      </c>
      <c r="I133" s="178">
        <v>0.65</v>
      </c>
      <c r="J133" s="97">
        <v>3.833547889746533E-2</v>
      </c>
      <c r="K133" s="96">
        <v>2.1000000000000001E-2</v>
      </c>
      <c r="L133" s="97">
        <v>1.2315733168385671E-2</v>
      </c>
    </row>
    <row r="134" spans="1:12">
      <c r="A134" s="45" t="s">
        <v>430</v>
      </c>
      <c r="B134" s="172">
        <v>1584</v>
      </c>
      <c r="C134" s="173">
        <v>4.9000000000000004</v>
      </c>
      <c r="D134" s="85">
        <v>7.8399999999999997E-2</v>
      </c>
      <c r="E134" s="177">
        <v>0.17100000000000001</v>
      </c>
      <c r="F134" s="94">
        <v>1.8932706493438207E-2</v>
      </c>
      <c r="G134" s="177">
        <v>0.182</v>
      </c>
      <c r="H134" s="94">
        <v>1.9398044461993322E-2</v>
      </c>
      <c r="I134" s="177">
        <v>0.626</v>
      </c>
      <c r="J134" s="94">
        <v>2.4288561182764873E-2</v>
      </c>
      <c r="K134" s="93">
        <v>0.02</v>
      </c>
      <c r="L134" s="94">
        <v>7.2312022343246386E-3</v>
      </c>
    </row>
    <row r="135" spans="1:12">
      <c r="A135" s="49" t="s">
        <v>431</v>
      </c>
      <c r="B135" s="174">
        <v>240</v>
      </c>
      <c r="C135" s="175">
        <v>4.9800000000000004</v>
      </c>
      <c r="D135" s="176">
        <v>0.19600000000000001</v>
      </c>
      <c r="E135" s="178">
        <v>0.14099999999999999</v>
      </c>
      <c r="F135" s="97">
        <v>4.5323965078751728E-2</v>
      </c>
      <c r="G135" s="178">
        <v>0.22600000000000001</v>
      </c>
      <c r="H135" s="97">
        <v>5.3922429394489629E-2</v>
      </c>
      <c r="I135" s="178">
        <v>0.621</v>
      </c>
      <c r="J135" s="97">
        <v>6.217836560289855E-2</v>
      </c>
      <c r="K135" s="96">
        <v>1.2E-2</v>
      </c>
      <c r="L135" s="97">
        <v>1.7925163190605435E-2</v>
      </c>
    </row>
    <row r="136" spans="1:12">
      <c r="A136" s="45" t="s">
        <v>432</v>
      </c>
      <c r="B136" s="172">
        <v>553</v>
      </c>
      <c r="C136" s="173">
        <v>4.8</v>
      </c>
      <c r="D136" s="85">
        <v>0.1176</v>
      </c>
      <c r="E136" s="177">
        <v>0.189</v>
      </c>
      <c r="F136" s="94">
        <v>3.332697297311784E-2</v>
      </c>
      <c r="G136" s="177">
        <v>0.193</v>
      </c>
      <c r="H136" s="94">
        <v>3.3588470013235894E-2</v>
      </c>
      <c r="I136" s="177">
        <v>0.60599999999999998</v>
      </c>
      <c r="J136" s="94">
        <v>4.1422185866080631E-2</v>
      </c>
      <c r="K136" s="93">
        <v>1.2E-2</v>
      </c>
      <c r="L136" s="94">
        <v>1.0469790404262885E-2</v>
      </c>
    </row>
    <row r="137" spans="1:12">
      <c r="A137" s="49" t="s">
        <v>433</v>
      </c>
      <c r="B137" s="174">
        <v>720</v>
      </c>
      <c r="C137" s="175">
        <v>4.9800000000000004</v>
      </c>
      <c r="D137" s="176">
        <v>9.8000000000000004E-2</v>
      </c>
      <c r="E137" s="178">
        <v>0.14199999999999999</v>
      </c>
      <c r="F137" s="97">
        <v>2.6094628551754834E-2</v>
      </c>
      <c r="G137" s="178">
        <v>0.182</v>
      </c>
      <c r="H137" s="97">
        <v>2.878672821370783E-2</v>
      </c>
      <c r="I137" s="178">
        <v>0.65400000000000003</v>
      </c>
      <c r="J137" s="97">
        <v>3.537840675972935E-2</v>
      </c>
      <c r="K137" s="96">
        <v>2.1999999999999999E-2</v>
      </c>
      <c r="L137" s="97">
        <v>1.1523147689665152E-2</v>
      </c>
    </row>
    <row r="138" spans="1:12">
      <c r="A138" s="45" t="s">
        <v>434</v>
      </c>
      <c r="B138" s="172">
        <v>970</v>
      </c>
      <c r="C138" s="173">
        <v>5.13</v>
      </c>
      <c r="D138" s="85">
        <v>9.8000000000000004E-2</v>
      </c>
      <c r="E138" s="177">
        <v>0.13100000000000001</v>
      </c>
      <c r="F138" s="94">
        <v>2.1727741242138353E-2</v>
      </c>
      <c r="G138" s="177">
        <v>0.14699999999999999</v>
      </c>
      <c r="H138" s="94">
        <v>2.2784805353282749E-2</v>
      </c>
      <c r="I138" s="177">
        <v>0.68899999999999995</v>
      </c>
      <c r="J138" s="94">
        <v>2.9684984959104835E-2</v>
      </c>
      <c r="K138" s="93">
        <v>3.2000000000000001E-2</v>
      </c>
      <c r="L138" s="94">
        <v>1.1601046316704696E-2</v>
      </c>
    </row>
    <row r="139" spans="1:12">
      <c r="A139" s="49" t="s">
        <v>435</v>
      </c>
      <c r="B139" s="174">
        <v>737</v>
      </c>
      <c r="C139" s="175">
        <v>4.97</v>
      </c>
      <c r="D139" s="176">
        <v>9.8000000000000004E-2</v>
      </c>
      <c r="E139" s="178">
        <v>0.17299999999999999</v>
      </c>
      <c r="F139" s="97">
        <v>2.7902114739181905E-2</v>
      </c>
      <c r="G139" s="178">
        <v>0.14799999999999999</v>
      </c>
      <c r="H139" s="97">
        <v>2.622749888328894E-2</v>
      </c>
      <c r="I139" s="178">
        <v>0.64800000000000002</v>
      </c>
      <c r="J139" s="97">
        <v>3.5107841737432588E-2</v>
      </c>
      <c r="K139" s="96">
        <v>3.2000000000000001E-2</v>
      </c>
      <c r="L139" s="97">
        <v>1.341424491248343E-2</v>
      </c>
    </row>
    <row r="140" spans="1:12">
      <c r="A140" s="45" t="s">
        <v>436</v>
      </c>
      <c r="B140" s="172">
        <v>133</v>
      </c>
      <c r="C140" s="173">
        <v>4.7699999999999996</v>
      </c>
      <c r="D140" s="85">
        <v>0.23519999999999999</v>
      </c>
      <c r="E140" s="177">
        <v>0.121</v>
      </c>
      <c r="F140" s="94">
        <v>5.7850637291365498E-2</v>
      </c>
      <c r="G140" s="177">
        <v>0.33600000000000002</v>
      </c>
      <c r="H140" s="94">
        <v>8.0988715321605481E-2</v>
      </c>
      <c r="I140" s="177">
        <v>0.52700000000000002</v>
      </c>
      <c r="J140" s="94">
        <v>8.5318287356545494E-2</v>
      </c>
      <c r="K140" s="93">
        <v>1.4999999999999999E-2</v>
      </c>
      <c r="L140" s="94">
        <v>2.8750243051103585E-2</v>
      </c>
    </row>
    <row r="141" spans="1:12">
      <c r="A141" s="49" t="s">
        <v>437</v>
      </c>
      <c r="B141" s="174">
        <v>154</v>
      </c>
      <c r="C141" s="175">
        <v>4.78</v>
      </c>
      <c r="D141" s="176">
        <v>0.23519999999999999</v>
      </c>
      <c r="E141" s="178">
        <v>0.14899999999999999</v>
      </c>
      <c r="F141" s="97">
        <v>5.8017470736408956E-2</v>
      </c>
      <c r="G141" s="178">
        <v>0.26700000000000002</v>
      </c>
      <c r="H141" s="97">
        <v>7.0876075673160441E-2</v>
      </c>
      <c r="I141" s="178">
        <v>0.57299999999999995</v>
      </c>
      <c r="J141" s="97">
        <v>7.8746092096168577E-2</v>
      </c>
      <c r="K141" s="96">
        <v>0.01</v>
      </c>
      <c r="L141" s="97">
        <v>2.3547999151777924E-2</v>
      </c>
    </row>
    <row r="142" spans="1:12" ht="25.5">
      <c r="A142" s="45" t="s">
        <v>438</v>
      </c>
      <c r="B142" s="172">
        <v>256</v>
      </c>
      <c r="C142" s="173">
        <v>5.46</v>
      </c>
      <c r="D142" s="85">
        <v>0.1764</v>
      </c>
      <c r="E142" s="177">
        <v>9.9000000000000005E-2</v>
      </c>
      <c r="F142" s="94">
        <v>3.8050303479763986E-2</v>
      </c>
      <c r="G142" s="177">
        <v>0.14599999999999999</v>
      </c>
      <c r="H142" s="94">
        <v>4.4464370581980654E-2</v>
      </c>
      <c r="I142" s="177">
        <v>0.746</v>
      </c>
      <c r="J142" s="94">
        <v>5.4254628651263313E-2</v>
      </c>
      <c r="K142" s="93">
        <v>8.0000000000000002E-3</v>
      </c>
      <c r="L142" s="94">
        <v>1.5355695421712029E-2</v>
      </c>
    </row>
    <row r="143" spans="1:12">
      <c r="A143" s="49" t="s">
        <v>439</v>
      </c>
      <c r="B143" s="174">
        <v>404</v>
      </c>
      <c r="C143" s="175">
        <v>4.76</v>
      </c>
      <c r="D143" s="176">
        <v>0.13720000000000002</v>
      </c>
      <c r="E143" s="178">
        <v>0.152</v>
      </c>
      <c r="F143" s="97">
        <v>3.5872725465489932E-2</v>
      </c>
      <c r="G143" s="178">
        <v>0.216</v>
      </c>
      <c r="H143" s="97">
        <v>4.0934876279418969E-2</v>
      </c>
      <c r="I143" s="178">
        <v>0.62</v>
      </c>
      <c r="J143" s="97">
        <v>4.8089068593776853E-2</v>
      </c>
      <c r="K143" s="96">
        <v>1.2E-2</v>
      </c>
      <c r="L143" s="97">
        <v>1.2719677722153043E-2</v>
      </c>
    </row>
    <row r="144" spans="1:12">
      <c r="A144" s="45" t="s">
        <v>440</v>
      </c>
      <c r="B144" s="172">
        <v>410</v>
      </c>
      <c r="C144" s="173">
        <v>4.99</v>
      </c>
      <c r="D144" s="85">
        <v>0.13720000000000002</v>
      </c>
      <c r="E144" s="177">
        <v>0.14899999999999999</v>
      </c>
      <c r="F144" s="94">
        <v>3.5327070091177928E-2</v>
      </c>
      <c r="G144" s="177">
        <v>0.188</v>
      </c>
      <c r="H144" s="94">
        <v>3.8639665273914908E-2</v>
      </c>
      <c r="I144" s="177">
        <v>0.64600000000000002</v>
      </c>
      <c r="J144" s="94">
        <v>4.7047505389594249E-2</v>
      </c>
      <c r="K144" s="93">
        <v>1.7000000000000001E-2</v>
      </c>
      <c r="L144" s="94">
        <v>1.4310977585118376E-2</v>
      </c>
    </row>
    <row r="145" spans="1:15">
      <c r="A145" s="49" t="s">
        <v>441</v>
      </c>
      <c r="B145" s="174">
        <v>277</v>
      </c>
      <c r="C145" s="175">
        <v>4.8899999999999997</v>
      </c>
      <c r="D145" s="176">
        <v>0.1764</v>
      </c>
      <c r="E145" s="178">
        <v>0.186</v>
      </c>
      <c r="F145" s="97">
        <v>4.6849653509499788E-2</v>
      </c>
      <c r="G145" s="178">
        <v>0.17</v>
      </c>
      <c r="H145" s="97">
        <v>4.5302979921635185E-2</v>
      </c>
      <c r="I145" s="178">
        <v>0.61799999999999999</v>
      </c>
      <c r="J145" s="97">
        <v>5.801823144162617E-2</v>
      </c>
      <c r="K145" s="96">
        <v>2.5999999999999999E-2</v>
      </c>
      <c r="L145" s="97">
        <v>2.1234144019792765E-2</v>
      </c>
    </row>
    <row r="146" spans="1:15">
      <c r="A146" s="45" t="s">
        <v>442</v>
      </c>
      <c r="B146" s="172">
        <v>770</v>
      </c>
      <c r="C146" s="173">
        <v>4.9000000000000004</v>
      </c>
      <c r="D146" s="85">
        <v>0.19600000000000001</v>
      </c>
      <c r="E146" s="177">
        <v>0.16600000000000001</v>
      </c>
      <c r="F146" s="94">
        <v>2.6859193968827865E-2</v>
      </c>
      <c r="G146" s="177">
        <v>0.192</v>
      </c>
      <c r="H146" s="94">
        <v>2.8404058818630493E-2</v>
      </c>
      <c r="I146" s="177">
        <v>0.627</v>
      </c>
      <c r="J146" s="94">
        <v>3.4777794248888209E-2</v>
      </c>
      <c r="K146" s="93">
        <v>1.4E-2</v>
      </c>
      <c r="L146" s="94">
        <v>9.1609197068380256E-3</v>
      </c>
    </row>
    <row r="147" spans="1:15">
      <c r="A147" s="49" t="s">
        <v>443</v>
      </c>
      <c r="B147" s="174">
        <v>1009</v>
      </c>
      <c r="C147" s="175">
        <v>5</v>
      </c>
      <c r="D147" s="176">
        <v>0</v>
      </c>
      <c r="E147" s="178">
        <v>0.14399999999999999</v>
      </c>
      <c r="F147" s="97">
        <v>2.2151136653533889E-2</v>
      </c>
      <c r="G147" s="178">
        <v>0.19500000000000001</v>
      </c>
      <c r="H147" s="97">
        <v>2.4954703217726415E-2</v>
      </c>
      <c r="I147" s="178">
        <v>0.63700000000000001</v>
      </c>
      <c r="J147" s="97">
        <v>3.0226452489856573E-2</v>
      </c>
      <c r="K147" s="96">
        <v>2.4E-2</v>
      </c>
      <c r="L147" s="97">
        <v>9.9772324686565553E-3</v>
      </c>
    </row>
    <row r="148" spans="1:15">
      <c r="A148" s="45" t="s">
        <v>444</v>
      </c>
      <c r="B148" s="172">
        <v>279</v>
      </c>
      <c r="C148" s="173">
        <v>5.2</v>
      </c>
      <c r="D148" s="85">
        <v>0.19600000000000001</v>
      </c>
      <c r="E148" s="177">
        <v>0.105</v>
      </c>
      <c r="F148" s="94">
        <v>3.7284965164680287E-2</v>
      </c>
      <c r="G148" s="177">
        <v>0.16200000000000001</v>
      </c>
      <c r="H148" s="94">
        <v>4.4318584661633423E-2</v>
      </c>
      <c r="I148" s="177">
        <v>0.72</v>
      </c>
      <c r="J148" s="94">
        <v>5.3559983036345238E-2</v>
      </c>
      <c r="K148" s="93">
        <v>1.2999999999999999E-2</v>
      </c>
      <c r="L148" s="94">
        <v>1.6596667441774442E-2</v>
      </c>
    </row>
    <row r="149" spans="1:15">
      <c r="A149" s="49" t="s">
        <v>445</v>
      </c>
      <c r="B149" s="174">
        <v>192</v>
      </c>
      <c r="C149" s="175">
        <v>4.9000000000000004</v>
      </c>
      <c r="D149" s="176">
        <v>0.19600000000000001</v>
      </c>
      <c r="E149" s="178">
        <v>0.153</v>
      </c>
      <c r="F149" s="97">
        <v>5.2383106705952212E-2</v>
      </c>
      <c r="G149" s="178">
        <v>0.19</v>
      </c>
      <c r="H149" s="97">
        <v>5.6745479724677264E-2</v>
      </c>
      <c r="I149" s="178">
        <v>0.61699999999999999</v>
      </c>
      <c r="J149" s="97">
        <v>6.9526684543865958E-2</v>
      </c>
      <c r="K149" s="96">
        <v>0.04</v>
      </c>
      <c r="L149" s="97">
        <v>3.0953752450647274E-2</v>
      </c>
    </row>
    <row r="150" spans="1:15">
      <c r="A150" s="45" t="s">
        <v>446</v>
      </c>
      <c r="B150" s="172">
        <v>166</v>
      </c>
      <c r="C150" s="173">
        <v>4.5999999999999996</v>
      </c>
      <c r="D150" s="85">
        <v>0.19600000000000001</v>
      </c>
      <c r="E150" s="177">
        <v>0.23499999999999999</v>
      </c>
      <c r="F150" s="94">
        <v>6.5626541795153606E-2</v>
      </c>
      <c r="G150" s="177">
        <v>0.17699999999999999</v>
      </c>
      <c r="H150" s="94">
        <v>5.9512300260979166E-2</v>
      </c>
      <c r="I150" s="177">
        <v>0.57999999999999996</v>
      </c>
      <c r="J150" s="94">
        <v>7.5754655569300597E-2</v>
      </c>
      <c r="K150" s="93">
        <v>8.0000000000000002E-3</v>
      </c>
      <c r="L150" s="94">
        <v>2.1251010986355314E-2</v>
      </c>
    </row>
    <row r="151" spans="1:15" s="248" customFormat="1">
      <c r="A151" s="49" t="s">
        <v>447</v>
      </c>
      <c r="B151" s="174">
        <v>79</v>
      </c>
      <c r="C151" s="175">
        <v>5.0999999999999996</v>
      </c>
      <c r="D151" s="176">
        <v>0.39200000000000002</v>
      </c>
      <c r="E151" s="178">
        <v>0.14199999999999999</v>
      </c>
      <c r="F151" s="97">
        <v>8.0328089342612555E-2</v>
      </c>
      <c r="G151" s="178">
        <v>0.14299999999999999</v>
      </c>
      <c r="H151" s="97">
        <v>8.0522161929540287E-2</v>
      </c>
      <c r="I151" s="178">
        <v>0.71499999999999997</v>
      </c>
      <c r="J151" s="97">
        <v>0.10015002291815753</v>
      </c>
      <c r="K151" s="96">
        <v>0</v>
      </c>
      <c r="L151" s="97">
        <v>3.3664360151118053E-2</v>
      </c>
      <c r="M151"/>
      <c r="N151"/>
      <c r="O151"/>
    </row>
    <row r="152" spans="1:15" s="248" customFormat="1">
      <c r="A152" s="241"/>
      <c r="B152" s="254"/>
      <c r="C152" s="255"/>
      <c r="D152" s="247"/>
      <c r="E152" s="255"/>
      <c r="F152" s="247"/>
      <c r="G152" s="255"/>
      <c r="H152" s="247"/>
      <c r="I152"/>
      <c r="J152"/>
      <c r="K152"/>
      <c r="L152"/>
      <c r="M152"/>
      <c r="N152"/>
      <c r="O152"/>
    </row>
    <row r="153" spans="1:15" ht="18.75">
      <c r="A153" s="343" t="s">
        <v>30</v>
      </c>
      <c r="B153" s="343"/>
      <c r="C153" s="343"/>
      <c r="D153" s="343"/>
      <c r="E153" s="343"/>
      <c r="F153" s="343"/>
      <c r="G153" s="343"/>
      <c r="H153" s="343"/>
      <c r="I153" s="343"/>
      <c r="J153" s="343"/>
    </row>
    <row r="154" spans="1:15" ht="66" customHeight="1">
      <c r="A154" s="400" t="s">
        <v>375</v>
      </c>
      <c r="B154" s="400"/>
      <c r="C154" s="400"/>
      <c r="D154" s="400"/>
      <c r="E154" s="400"/>
      <c r="F154" s="400"/>
      <c r="G154" s="400"/>
      <c r="H154" s="400"/>
      <c r="I154" s="400"/>
      <c r="J154" s="400"/>
    </row>
    <row r="155" spans="1:15" ht="36" customHeight="1">
      <c r="A155" s="341" t="s">
        <v>244</v>
      </c>
      <c r="B155" s="342"/>
      <c r="C155" s="342"/>
      <c r="D155" s="342"/>
      <c r="E155" s="342"/>
      <c r="F155" s="342"/>
      <c r="G155" s="342"/>
      <c r="H155" s="342"/>
      <c r="I155" s="342"/>
      <c r="J155" s="342"/>
    </row>
    <row r="156" spans="1:15" ht="37.5" customHeight="1">
      <c r="A156" s="108" t="s">
        <v>85</v>
      </c>
      <c r="B156" s="38" t="s">
        <v>86</v>
      </c>
      <c r="C156" s="39" t="s">
        <v>87</v>
      </c>
      <c r="D156" s="40" t="s">
        <v>88</v>
      </c>
      <c r="E156" s="38" t="s">
        <v>243</v>
      </c>
      <c r="F156" s="89" t="s">
        <v>157</v>
      </c>
      <c r="G156" s="38" t="s">
        <v>158</v>
      </c>
      <c r="H156" s="89" t="s">
        <v>159</v>
      </c>
      <c r="I156" s="38" t="s">
        <v>376</v>
      </c>
      <c r="J156" s="89" t="s">
        <v>377</v>
      </c>
    </row>
    <row r="157" spans="1:15" ht="72">
      <c r="A157" s="109"/>
      <c r="B157" s="42" t="s">
        <v>89</v>
      </c>
      <c r="C157" s="125" t="s">
        <v>358</v>
      </c>
      <c r="D157" s="44" t="s">
        <v>91</v>
      </c>
      <c r="E157" s="42" t="s">
        <v>206</v>
      </c>
      <c r="F157" s="91" t="s">
        <v>104</v>
      </c>
      <c r="G157" s="42" t="s">
        <v>207</v>
      </c>
      <c r="H157" s="91" t="s">
        <v>104</v>
      </c>
      <c r="I157" s="42" t="s">
        <v>208</v>
      </c>
      <c r="J157" s="91" t="s">
        <v>104</v>
      </c>
    </row>
    <row r="158" spans="1:15">
      <c r="A158" s="45" t="s">
        <v>424</v>
      </c>
      <c r="B158" s="179">
        <v>8594</v>
      </c>
      <c r="C158" s="173">
        <v>3.51</v>
      </c>
      <c r="D158" s="85">
        <v>3.9199999999999999E-2</v>
      </c>
      <c r="E158" s="180">
        <v>0.52400000000000002</v>
      </c>
      <c r="F158" s="94">
        <v>1.0772112034339211E-2</v>
      </c>
      <c r="G158" s="180">
        <v>8.8999999999999996E-2</v>
      </c>
      <c r="H158" s="94">
        <v>6.1476042724389751E-3</v>
      </c>
      <c r="I158" s="180">
        <v>0.38700000000000001</v>
      </c>
      <c r="J158" s="94">
        <v>1.0505769483237995E-2</v>
      </c>
    </row>
    <row r="159" spans="1:15">
      <c r="A159" s="49" t="s">
        <v>425</v>
      </c>
      <c r="B159" s="49">
        <v>7992</v>
      </c>
      <c r="C159" s="175">
        <v>3.5379999999999998</v>
      </c>
      <c r="D159" s="176">
        <v>4.8744808000000001E-2</v>
      </c>
      <c r="E159" s="182">
        <v>0.51670000000000005</v>
      </c>
      <c r="F159" s="97">
        <v>1.1176902793613721E-2</v>
      </c>
      <c r="G159" s="182">
        <v>9.0499999999999997E-2</v>
      </c>
      <c r="H159" s="97">
        <v>6.4233457614908005E-3</v>
      </c>
      <c r="I159" s="182">
        <v>0.39279999999999998</v>
      </c>
      <c r="J159" s="97">
        <v>1.0923345966325047E-2</v>
      </c>
    </row>
    <row r="160" spans="1:15">
      <c r="A160" s="45" t="s">
        <v>426</v>
      </c>
      <c r="B160" s="53">
        <v>774</v>
      </c>
      <c r="C160" s="173">
        <v>2.84</v>
      </c>
      <c r="D160" s="85">
        <v>0.15679999999999999</v>
      </c>
      <c r="E160" s="180">
        <v>0.66269999999999996</v>
      </c>
      <c r="F160" s="94">
        <v>3.392114010610444E-2</v>
      </c>
      <c r="G160" s="180">
        <v>9.1899999999999996E-2</v>
      </c>
      <c r="H160" s="94">
        <v>2.0924953285398413E-2</v>
      </c>
      <c r="I160" s="180">
        <v>0.24540000000000001</v>
      </c>
      <c r="J160" s="94">
        <v>3.0911073050025682E-2</v>
      </c>
    </row>
    <row r="161" spans="1:10">
      <c r="A161" s="49" t="s">
        <v>427</v>
      </c>
      <c r="B161" s="49">
        <v>6262</v>
      </c>
      <c r="C161" s="175">
        <v>3.5</v>
      </c>
      <c r="D161" s="176">
        <v>5.8799999999999998E-2</v>
      </c>
      <c r="E161" s="182">
        <v>0.52600000000000002</v>
      </c>
      <c r="F161" s="97">
        <v>1.2615881317119155E-2</v>
      </c>
      <c r="G161" s="182">
        <v>8.8999999999999996E-2</v>
      </c>
      <c r="H161" s="97">
        <v>7.2038663031264378E-3</v>
      </c>
      <c r="I161" s="182">
        <v>0.38600000000000001</v>
      </c>
      <c r="J161" s="97">
        <v>1.2300643593598998E-2</v>
      </c>
    </row>
    <row r="162" spans="1:10">
      <c r="A162" s="45" t="s">
        <v>428</v>
      </c>
      <c r="B162" s="53">
        <v>2334</v>
      </c>
      <c r="C162" s="173">
        <v>4.16</v>
      </c>
      <c r="D162" s="85">
        <v>7.8399999999999997E-2</v>
      </c>
      <c r="E162" s="180">
        <v>0.38600000000000001</v>
      </c>
      <c r="F162" s="94">
        <v>2.0138461290761099E-2</v>
      </c>
      <c r="G162" s="180">
        <v>9.6000000000000002E-2</v>
      </c>
      <c r="H162" s="94">
        <v>1.2224168169780465E-2</v>
      </c>
      <c r="I162" s="180">
        <v>0.51800000000000002</v>
      </c>
      <c r="J162" s="94">
        <v>2.0667935836851174E-2</v>
      </c>
    </row>
    <row r="163" spans="1:10">
      <c r="A163" s="49" t="s">
        <v>429</v>
      </c>
      <c r="B163" s="49">
        <v>564</v>
      </c>
      <c r="C163" s="175">
        <v>3.88</v>
      </c>
      <c r="D163" s="176">
        <v>0.1764</v>
      </c>
      <c r="E163" s="182">
        <v>0.46100000000000002</v>
      </c>
      <c r="F163" s="97">
        <v>4.1833030542773257E-2</v>
      </c>
      <c r="G163" s="182">
        <v>8.5000000000000006E-2</v>
      </c>
      <c r="H163" s="97">
        <v>2.3764123008163374E-2</v>
      </c>
      <c r="I163" s="182">
        <v>0.45400000000000001</v>
      </c>
      <c r="J163" s="97">
        <v>4.1783622530995483E-2</v>
      </c>
    </row>
    <row r="164" spans="1:10">
      <c r="A164" s="45" t="s">
        <v>430</v>
      </c>
      <c r="B164" s="53">
        <v>1483</v>
      </c>
      <c r="C164" s="173">
        <v>4.34</v>
      </c>
      <c r="D164" s="85">
        <v>0.1176</v>
      </c>
      <c r="E164" s="180">
        <v>0.34899999999999998</v>
      </c>
      <c r="F164" s="94">
        <v>2.4728329061283836E-2</v>
      </c>
      <c r="G164" s="180">
        <v>9.8000000000000004E-2</v>
      </c>
      <c r="H164" s="94">
        <v>1.549577495264725E-2</v>
      </c>
      <c r="I164" s="180">
        <v>0.55400000000000005</v>
      </c>
      <c r="J164" s="94">
        <v>2.5781643055881813E-2</v>
      </c>
    </row>
    <row r="165" spans="1:10">
      <c r="A165" s="49" t="s">
        <v>431</v>
      </c>
      <c r="B165" s="49">
        <v>216</v>
      </c>
      <c r="C165" s="175">
        <v>3.94</v>
      </c>
      <c r="D165" s="176">
        <v>0.29399999999999998</v>
      </c>
      <c r="E165" s="182">
        <v>0.434</v>
      </c>
      <c r="F165" s="97">
        <v>6.6851390139894357E-2</v>
      </c>
      <c r="G165" s="182">
        <v>0.08</v>
      </c>
      <c r="H165" s="97">
        <v>3.8128069212960934E-2</v>
      </c>
      <c r="I165" s="182">
        <v>0.48599999999999999</v>
      </c>
      <c r="J165" s="97">
        <v>6.739450510098105E-2</v>
      </c>
    </row>
    <row r="166" spans="1:10">
      <c r="A166" s="45" t="s">
        <v>432</v>
      </c>
      <c r="B166" s="53">
        <v>517</v>
      </c>
      <c r="C166" s="173">
        <v>4.1100000000000003</v>
      </c>
      <c r="D166" s="85">
        <v>0.1764</v>
      </c>
      <c r="E166" s="180">
        <v>0.39100000000000001</v>
      </c>
      <c r="F166" s="94">
        <v>4.2773404966571726E-2</v>
      </c>
      <c r="G166" s="180">
        <v>0.10100000000000001</v>
      </c>
      <c r="H166" s="94">
        <v>2.6754612647710601E-2</v>
      </c>
      <c r="I166" s="180">
        <v>0.50700000000000001</v>
      </c>
      <c r="J166" s="94">
        <v>4.3806567445208708E-2</v>
      </c>
    </row>
    <row r="167" spans="1:10">
      <c r="A167" s="49" t="s">
        <v>433</v>
      </c>
      <c r="B167" s="49">
        <v>664</v>
      </c>
      <c r="C167" s="175">
        <v>4.2</v>
      </c>
      <c r="D167" s="176">
        <v>0.15679999999999999</v>
      </c>
      <c r="E167" s="182">
        <v>0.38100000000000001</v>
      </c>
      <c r="F167" s="97">
        <v>3.7592845944093824E-2</v>
      </c>
      <c r="G167" s="182">
        <v>7.8E-2</v>
      </c>
      <c r="H167" s="97">
        <v>2.1056291400314554E-2</v>
      </c>
      <c r="I167" s="182">
        <v>0.54</v>
      </c>
      <c r="J167" s="97">
        <v>3.8568634234889043E-2</v>
      </c>
    </row>
    <row r="168" spans="1:10">
      <c r="A168" s="45" t="s">
        <v>434</v>
      </c>
      <c r="B168" s="179">
        <v>916</v>
      </c>
      <c r="C168" s="173">
        <v>4.3099999999999996</v>
      </c>
      <c r="D168" s="85">
        <v>0.13720000000000002</v>
      </c>
      <c r="E168" s="180">
        <v>0.35499999999999998</v>
      </c>
      <c r="F168" s="94">
        <v>3.1564800747925954E-2</v>
      </c>
      <c r="G168" s="180">
        <v>0.11600000000000001</v>
      </c>
      <c r="H168" s="94">
        <v>2.1246323327858849E-2</v>
      </c>
      <c r="I168" s="180">
        <v>0.52900000000000003</v>
      </c>
      <c r="J168" s="94">
        <v>3.2914005023998764E-2</v>
      </c>
    </row>
    <row r="169" spans="1:10">
      <c r="A169" s="49" t="s">
        <v>435</v>
      </c>
      <c r="B169" s="181">
        <v>677</v>
      </c>
      <c r="C169" s="175">
        <v>4.05</v>
      </c>
      <c r="D169" s="176">
        <v>0.15679999999999999</v>
      </c>
      <c r="E169" s="182">
        <v>0.39600000000000002</v>
      </c>
      <c r="F169" s="97">
        <v>3.7491903153123576E-2</v>
      </c>
      <c r="G169" s="182">
        <v>0.13200000000000001</v>
      </c>
      <c r="H169" s="97">
        <v>2.6120944476590378E-2</v>
      </c>
      <c r="I169" s="182">
        <v>0.47199999999999998</v>
      </c>
      <c r="J169" s="97">
        <v>3.8260655071517262E-2</v>
      </c>
    </row>
    <row r="170" spans="1:10">
      <c r="A170" s="45" t="s">
        <v>436</v>
      </c>
      <c r="B170" s="54">
        <v>125</v>
      </c>
      <c r="C170" s="173">
        <v>3.41</v>
      </c>
      <c r="D170" s="85">
        <v>0.39200000000000002</v>
      </c>
      <c r="E170" s="180">
        <v>0.54300000000000004</v>
      </c>
      <c r="F170" s="94">
        <v>8.7738845911181279E-2</v>
      </c>
      <c r="G170" s="180">
        <v>5.6000000000000001E-2</v>
      </c>
      <c r="H170" s="94">
        <v>4.4859797411201129E-2</v>
      </c>
      <c r="I170" s="180">
        <v>0.40100000000000002</v>
      </c>
      <c r="J170" s="94">
        <v>8.6409407771141561E-2</v>
      </c>
    </row>
    <row r="171" spans="1:10">
      <c r="A171" s="49" t="s">
        <v>437</v>
      </c>
      <c r="B171" s="181">
        <v>136</v>
      </c>
      <c r="C171" s="175">
        <v>4.05</v>
      </c>
      <c r="D171" s="176">
        <v>0.3332</v>
      </c>
      <c r="E171" s="182">
        <v>0.36799999999999999</v>
      </c>
      <c r="F171" s="97">
        <v>8.168885803888308E-2</v>
      </c>
      <c r="G171" s="182">
        <v>0.104</v>
      </c>
      <c r="H171" s="97">
        <v>5.3988597003570983E-2</v>
      </c>
      <c r="I171" s="182">
        <v>0.52800000000000002</v>
      </c>
      <c r="J171" s="97">
        <v>8.4390277029660579E-2</v>
      </c>
    </row>
    <row r="172" spans="1:10" ht="25.5">
      <c r="A172" s="45" t="s">
        <v>438</v>
      </c>
      <c r="B172" s="179">
        <v>232</v>
      </c>
      <c r="C172" s="173">
        <v>3.76</v>
      </c>
      <c r="D172" s="85">
        <v>0.27440000000000003</v>
      </c>
      <c r="E172" s="180">
        <v>0.48899999999999999</v>
      </c>
      <c r="F172" s="94">
        <v>6.5079230321460541E-2</v>
      </c>
      <c r="G172" s="180">
        <v>8.1000000000000003E-2</v>
      </c>
      <c r="H172" s="94">
        <v>3.6901101510433035E-2</v>
      </c>
      <c r="I172" s="180">
        <v>0.43</v>
      </c>
      <c r="J172" s="94">
        <v>6.4475023945478674E-2</v>
      </c>
    </row>
    <row r="173" spans="1:10">
      <c r="A173" s="49" t="s">
        <v>439</v>
      </c>
      <c r="B173" s="181">
        <v>380</v>
      </c>
      <c r="C173" s="175">
        <v>4.95</v>
      </c>
      <c r="D173" s="176">
        <v>0.19600000000000001</v>
      </c>
      <c r="E173" s="182">
        <v>0.216</v>
      </c>
      <c r="F173" s="97">
        <v>4.2206780359373516E-2</v>
      </c>
      <c r="G173" s="182">
        <v>7.8E-2</v>
      </c>
      <c r="H173" s="97">
        <v>2.8063685012589167E-2</v>
      </c>
      <c r="I173" s="182">
        <v>0.70699999999999996</v>
      </c>
      <c r="J173" s="97">
        <v>4.6551834694189907E-2</v>
      </c>
    </row>
    <row r="174" spans="1:10">
      <c r="A174" s="45" t="s">
        <v>440</v>
      </c>
      <c r="B174" s="179">
        <v>389</v>
      </c>
      <c r="C174" s="173">
        <v>4.4000000000000004</v>
      </c>
      <c r="D174" s="85">
        <v>0.21559999999999999</v>
      </c>
      <c r="E174" s="180">
        <v>0.35799999999999998</v>
      </c>
      <c r="F174" s="94">
        <v>4.8409236625590629E-2</v>
      </c>
      <c r="G174" s="180">
        <v>9.4E-2</v>
      </c>
      <c r="H174" s="94">
        <v>3.0013120824031004E-2</v>
      </c>
      <c r="I174" s="180">
        <v>0.54800000000000004</v>
      </c>
      <c r="J174" s="94">
        <v>5.0215075550534068E-2</v>
      </c>
    </row>
    <row r="175" spans="1:10">
      <c r="A175" s="49" t="s">
        <v>441</v>
      </c>
      <c r="B175" s="181">
        <v>266</v>
      </c>
      <c r="C175" s="175">
        <v>3.66</v>
      </c>
      <c r="D175" s="176">
        <v>0.27440000000000003</v>
      </c>
      <c r="E175" s="182">
        <v>0.504</v>
      </c>
      <c r="F175" s="97">
        <v>6.0856171732714938E-2</v>
      </c>
      <c r="G175" s="182">
        <v>5.8999999999999997E-2</v>
      </c>
      <c r="H175" s="97">
        <v>3.0120428789322952E-2</v>
      </c>
      <c r="I175" s="182">
        <v>0.437</v>
      </c>
      <c r="J175" s="97">
        <v>6.0387358118865676E-2</v>
      </c>
    </row>
    <row r="176" spans="1:10">
      <c r="A176" s="45" t="s">
        <v>442</v>
      </c>
      <c r="B176" s="179">
        <v>710</v>
      </c>
      <c r="C176" s="173">
        <v>4.3</v>
      </c>
      <c r="D176" s="85">
        <v>0.19600000000000001</v>
      </c>
      <c r="E176" s="180">
        <v>0.35199999999999998</v>
      </c>
      <c r="F176" s="94">
        <v>3.5766182446245173E-2</v>
      </c>
      <c r="G176" s="180">
        <v>9.9000000000000005E-2</v>
      </c>
      <c r="H176" s="94">
        <v>2.2578297643671846E-2</v>
      </c>
      <c r="I176" s="180">
        <v>0.55000000000000004</v>
      </c>
      <c r="J176" s="94">
        <v>3.7238570163162468E-2</v>
      </c>
    </row>
    <row r="177" spans="1:12">
      <c r="A177" s="49" t="s">
        <v>443</v>
      </c>
      <c r="B177" s="181">
        <v>946</v>
      </c>
      <c r="C177" s="175">
        <v>4.4000000000000004</v>
      </c>
      <c r="D177" s="176">
        <v>0.19600000000000001</v>
      </c>
      <c r="E177" s="182">
        <v>0.35699999999999998</v>
      </c>
      <c r="F177" s="97">
        <v>3.1100708374028715E-2</v>
      </c>
      <c r="G177" s="182">
        <v>7.3999999999999996E-2</v>
      </c>
      <c r="H177" s="97">
        <v>1.7173909421508985E-2</v>
      </c>
      <c r="I177" s="182">
        <v>0.56899999999999995</v>
      </c>
      <c r="J177" s="97">
        <v>3.2136485788686962E-2</v>
      </c>
    </row>
    <row r="178" spans="1:12">
      <c r="A178" s="45" t="s">
        <v>444</v>
      </c>
      <c r="B178" s="179">
        <v>261</v>
      </c>
      <c r="C178" s="173">
        <v>3.8</v>
      </c>
      <c r="D178" s="85">
        <v>0.19600000000000001</v>
      </c>
      <c r="E178" s="180">
        <v>0.46300000000000002</v>
      </c>
      <c r="F178" s="94">
        <v>6.1266139669807575E-2</v>
      </c>
      <c r="G178" s="180">
        <v>0.13400000000000001</v>
      </c>
      <c r="H178" s="94">
        <v>4.2569797833768144E-2</v>
      </c>
      <c r="I178" s="180">
        <v>0.40300000000000002</v>
      </c>
      <c r="J178" s="94">
        <v>6.0297739441971053E-2</v>
      </c>
    </row>
    <row r="179" spans="1:12">
      <c r="A179" s="49" t="s">
        <v>445</v>
      </c>
      <c r="B179" s="181">
        <v>180</v>
      </c>
      <c r="C179" s="175">
        <v>3.9</v>
      </c>
      <c r="D179" s="176">
        <v>0.39200000000000002</v>
      </c>
      <c r="E179" s="182">
        <v>0.42099999999999999</v>
      </c>
      <c r="F179" s="97">
        <v>7.2835042687777157E-2</v>
      </c>
      <c r="G179" s="182">
        <v>0.10199999999999999</v>
      </c>
      <c r="H179" s="97">
        <v>4.6252678023844356E-2</v>
      </c>
      <c r="I179" s="182">
        <v>0.47699999999999998</v>
      </c>
      <c r="J179" s="97">
        <v>7.3646297761075827E-2</v>
      </c>
    </row>
    <row r="180" spans="1:12">
      <c r="A180" s="45" t="s">
        <v>446</v>
      </c>
      <c r="B180" s="179">
        <v>154</v>
      </c>
      <c r="C180" s="173">
        <v>4.5</v>
      </c>
      <c r="D180" s="85">
        <v>0.39200000000000002</v>
      </c>
      <c r="E180" s="180">
        <v>0.32700000000000001</v>
      </c>
      <c r="F180" s="94">
        <v>7.489523657306052E-2</v>
      </c>
      <c r="G180" s="180">
        <v>7.5999999999999998E-2</v>
      </c>
      <c r="H180" s="94">
        <v>4.4781144234337676E-2</v>
      </c>
      <c r="I180" s="180">
        <v>0.59699999999999998</v>
      </c>
      <c r="J180" s="94">
        <v>7.8120545380962608E-2</v>
      </c>
    </row>
    <row r="181" spans="1:12">
      <c r="A181" s="49" t="s">
        <v>447</v>
      </c>
      <c r="B181" s="181">
        <v>75</v>
      </c>
      <c r="C181" s="175">
        <v>3.5</v>
      </c>
      <c r="D181" s="176">
        <v>0.39200000000000002</v>
      </c>
      <c r="E181" s="182">
        <v>0.495</v>
      </c>
      <c r="F181" s="97">
        <v>0.11250371978171597</v>
      </c>
      <c r="G181" s="182">
        <v>6.7000000000000004E-2</v>
      </c>
      <c r="H181" s="97">
        <v>6.4047673641067948E-2</v>
      </c>
      <c r="I181" s="182">
        <v>0.438</v>
      </c>
      <c r="J181" s="97">
        <v>0.11172647680760101</v>
      </c>
    </row>
    <row r="183" spans="1:12" ht="18.75">
      <c r="A183" s="343" t="s">
        <v>13</v>
      </c>
      <c r="B183" s="343"/>
      <c r="C183" s="343"/>
      <c r="D183" s="343"/>
      <c r="E183" s="343"/>
      <c r="F183" s="343"/>
      <c r="G183" s="343"/>
      <c r="H183" s="343"/>
      <c r="I183" s="343"/>
      <c r="J183" s="343"/>
      <c r="K183" s="343"/>
      <c r="L183" s="343"/>
    </row>
    <row r="184" spans="1:12" ht="43.5" customHeight="1">
      <c r="A184" s="400" t="s">
        <v>515</v>
      </c>
      <c r="B184" s="400"/>
      <c r="C184" s="400"/>
      <c r="D184" s="400"/>
      <c r="E184" s="400"/>
      <c r="F184" s="400"/>
      <c r="G184" s="400"/>
      <c r="H184" s="400"/>
      <c r="I184" s="400"/>
      <c r="J184" s="400"/>
      <c r="K184" s="400"/>
      <c r="L184" s="400"/>
    </row>
    <row r="185" spans="1:12" ht="36" customHeight="1">
      <c r="A185" s="398" t="s">
        <v>160</v>
      </c>
      <c r="B185" s="399"/>
      <c r="C185" s="399"/>
      <c r="D185" s="399"/>
      <c r="E185" s="399"/>
      <c r="F185" s="399"/>
      <c r="G185" s="399"/>
      <c r="H185" s="399"/>
      <c r="I185" s="399"/>
      <c r="J185" s="399"/>
      <c r="K185" s="399"/>
      <c r="L185" s="399"/>
    </row>
    <row r="186" spans="1:12" ht="39.75" customHeight="1">
      <c r="A186" s="37" t="s">
        <v>85</v>
      </c>
      <c r="B186" s="38" t="s">
        <v>86</v>
      </c>
      <c r="C186" s="39" t="s">
        <v>87</v>
      </c>
      <c r="D186" s="40" t="s">
        <v>88</v>
      </c>
      <c r="E186" s="38" t="s">
        <v>178</v>
      </c>
      <c r="F186" s="89" t="s">
        <v>101</v>
      </c>
      <c r="G186" s="38" t="s">
        <v>179</v>
      </c>
      <c r="H186" s="89" t="s">
        <v>102</v>
      </c>
      <c r="I186" s="38" t="s">
        <v>180</v>
      </c>
      <c r="J186" s="89" t="s">
        <v>103</v>
      </c>
      <c r="K186" s="38" t="s">
        <v>353</v>
      </c>
      <c r="L186" s="89" t="s">
        <v>352</v>
      </c>
    </row>
    <row r="187" spans="1:12" ht="72">
      <c r="A187" s="41"/>
      <c r="B187" s="42" t="s">
        <v>89</v>
      </c>
      <c r="C187" s="125" t="s">
        <v>357</v>
      </c>
      <c r="D187" s="44" t="s">
        <v>91</v>
      </c>
      <c r="E187" s="42" t="s">
        <v>181</v>
      </c>
      <c r="F187" s="91" t="s">
        <v>161</v>
      </c>
      <c r="G187" s="42" t="s">
        <v>182</v>
      </c>
      <c r="H187" s="91" t="s">
        <v>104</v>
      </c>
      <c r="I187" s="42" t="s">
        <v>183</v>
      </c>
      <c r="J187" s="91" t="s">
        <v>104</v>
      </c>
      <c r="K187" s="42" t="s">
        <v>353</v>
      </c>
      <c r="L187" s="91" t="s">
        <v>104</v>
      </c>
    </row>
    <row r="188" spans="1:12">
      <c r="A188" s="45" t="s">
        <v>424</v>
      </c>
      <c r="B188" s="183">
        <v>9355</v>
      </c>
      <c r="C188" s="173">
        <v>5.53</v>
      </c>
      <c r="D188" s="85">
        <v>1.9599999999999999E-2</v>
      </c>
      <c r="E188" s="180">
        <v>0.10299999999999999</v>
      </c>
      <c r="F188" s="94">
        <v>6.2884910624138122E-3</v>
      </c>
      <c r="G188" s="180">
        <v>0.10299999999999999</v>
      </c>
      <c r="H188" s="94">
        <v>6.2884910624138122E-3</v>
      </c>
      <c r="I188" s="180">
        <v>0.78500000000000003</v>
      </c>
      <c r="J188" s="94">
        <v>8.4949068833350856E-3</v>
      </c>
      <c r="K188" s="180">
        <v>8.9999999999999993E-3</v>
      </c>
      <c r="L188" s="94">
        <v>1.9748423193708372E-3</v>
      </c>
    </row>
    <row r="189" spans="1:12">
      <c r="A189" s="49" t="s">
        <v>425</v>
      </c>
      <c r="B189" s="49">
        <v>8720</v>
      </c>
      <c r="C189" s="175">
        <v>5.49</v>
      </c>
      <c r="D189" s="176">
        <v>3.1657919999999999E-2</v>
      </c>
      <c r="E189" s="182">
        <v>0.113</v>
      </c>
      <c r="F189" s="97">
        <v>6.7837599134595167E-3</v>
      </c>
      <c r="G189" s="182">
        <v>9.9900000000000003E-2</v>
      </c>
      <c r="H189" s="97">
        <v>6.4262026441540025E-3</v>
      </c>
      <c r="I189" s="182">
        <v>0.77959999999999996</v>
      </c>
      <c r="J189" s="97">
        <v>8.8777811750262552E-3</v>
      </c>
      <c r="K189" s="182">
        <v>0.01</v>
      </c>
      <c r="L189" s="97">
        <v>2.1540961222383994E-3</v>
      </c>
    </row>
    <row r="190" spans="1:12">
      <c r="A190" s="45" t="s">
        <v>426</v>
      </c>
      <c r="B190" s="53">
        <v>834</v>
      </c>
      <c r="C190" s="173">
        <v>5.35</v>
      </c>
      <c r="D190" s="85">
        <v>9.8000000000000004E-2</v>
      </c>
      <c r="E190" s="180">
        <v>0.1147</v>
      </c>
      <c r="F190" s="94">
        <v>2.2168563334956089E-2</v>
      </c>
      <c r="G190" s="180">
        <v>0.1343</v>
      </c>
      <c r="H190" s="94">
        <v>2.3686212780974557E-2</v>
      </c>
      <c r="I190" s="180">
        <v>0.73809999999999998</v>
      </c>
      <c r="J190" s="94">
        <v>3.0418583929971529E-2</v>
      </c>
      <c r="K190" s="180">
        <v>1.29E-2</v>
      </c>
      <c r="L190" s="94">
        <v>8.4597198687637407E-3</v>
      </c>
    </row>
    <row r="191" spans="1:12">
      <c r="A191" s="49" t="s">
        <v>427</v>
      </c>
      <c r="B191" s="49">
        <v>6856</v>
      </c>
      <c r="C191" s="175">
        <v>5.53</v>
      </c>
      <c r="D191" s="176">
        <v>3.9199999999999999E-2</v>
      </c>
      <c r="E191" s="182">
        <v>0.10299999999999999</v>
      </c>
      <c r="F191" s="97">
        <v>7.3470704578811347E-3</v>
      </c>
      <c r="G191" s="182">
        <v>0.104</v>
      </c>
      <c r="H191" s="97">
        <v>7.3784345161918459E-3</v>
      </c>
      <c r="I191" s="182">
        <v>0.78500000000000003</v>
      </c>
      <c r="J191" s="97">
        <v>9.9230184270322676E-3</v>
      </c>
      <c r="K191" s="182">
        <v>8.9999999999999993E-3</v>
      </c>
      <c r="L191" s="97">
        <v>2.3161320497327976E-3</v>
      </c>
    </row>
    <row r="192" spans="1:12">
      <c r="A192" s="45" t="s">
        <v>428</v>
      </c>
      <c r="B192" s="53">
        <v>2501</v>
      </c>
      <c r="C192" s="173">
        <v>5.66</v>
      </c>
      <c r="D192" s="85">
        <v>5.8799999999999998E-2</v>
      </c>
      <c r="E192" s="180">
        <v>9.4E-2</v>
      </c>
      <c r="F192" s="94">
        <v>1.1697450260957918E-2</v>
      </c>
      <c r="G192" s="180">
        <v>8.5999999999999993E-2</v>
      </c>
      <c r="H192" s="94">
        <v>1.1242273758069361E-2</v>
      </c>
      <c r="I192" s="180">
        <v>0.81</v>
      </c>
      <c r="J192" s="94">
        <v>1.5691978252643232E-2</v>
      </c>
      <c r="K192" s="180">
        <v>0.01</v>
      </c>
      <c r="L192" s="94">
        <v>4.1269619728815429E-3</v>
      </c>
    </row>
    <row r="193" spans="1:12">
      <c r="A193" s="49" t="s">
        <v>429</v>
      </c>
      <c r="B193" s="49">
        <v>618</v>
      </c>
      <c r="C193" s="175">
        <v>5.55</v>
      </c>
      <c r="D193" s="176">
        <v>9.8000000000000004E-2</v>
      </c>
      <c r="E193" s="182">
        <v>0.107</v>
      </c>
      <c r="F193" s="97">
        <v>2.5044153281416546E-2</v>
      </c>
      <c r="G193" s="182">
        <v>7.9000000000000001E-2</v>
      </c>
      <c r="H193" s="97">
        <v>2.1966255473910221E-2</v>
      </c>
      <c r="I193" s="182">
        <v>0.80500000000000005</v>
      </c>
      <c r="J193" s="97">
        <v>3.1892868889609349E-2</v>
      </c>
      <c r="K193" s="182">
        <v>8.0000000000000002E-3</v>
      </c>
      <c r="L193" s="97">
        <v>8.4257118849451022E-3</v>
      </c>
    </row>
    <row r="194" spans="1:12">
      <c r="A194" s="45" t="s">
        <v>430</v>
      </c>
      <c r="B194" s="53">
        <v>1584</v>
      </c>
      <c r="C194" s="173">
        <v>5.68</v>
      </c>
      <c r="D194" s="85">
        <v>7.8399999999999997E-2</v>
      </c>
      <c r="E194" s="180">
        <v>8.8999999999999996E-2</v>
      </c>
      <c r="F194" s="94">
        <v>1.4365586119846509E-2</v>
      </c>
      <c r="G194" s="180">
        <v>8.7999999999999995E-2</v>
      </c>
      <c r="H194" s="94">
        <v>1.4293615607001568E-2</v>
      </c>
      <c r="I194" s="180">
        <v>0.81100000000000005</v>
      </c>
      <c r="J194" s="94">
        <v>1.9680421920647687E-2</v>
      </c>
      <c r="K194" s="180">
        <v>1.2E-2</v>
      </c>
      <c r="L194" s="94">
        <v>5.7342944867284284E-3</v>
      </c>
    </row>
    <row r="195" spans="1:12">
      <c r="A195" s="49" t="s">
        <v>431</v>
      </c>
      <c r="B195" s="49">
        <v>233</v>
      </c>
      <c r="C195" s="175">
        <v>5.37</v>
      </c>
      <c r="D195" s="176">
        <v>0.19600000000000001</v>
      </c>
      <c r="E195" s="182">
        <v>0.12</v>
      </c>
      <c r="F195" s="97">
        <v>4.3172332246819579E-2</v>
      </c>
      <c r="G195" s="182">
        <v>9.4E-2</v>
      </c>
      <c r="H195" s="97">
        <v>3.9121390673932686E-2</v>
      </c>
      <c r="I195" s="182">
        <v>0.77100000000000002</v>
      </c>
      <c r="J195" s="97">
        <v>5.4967132655503695E-2</v>
      </c>
      <c r="K195" s="182">
        <v>1.4E-2</v>
      </c>
      <c r="L195" s="97">
        <v>1.9141744972062461E-2</v>
      </c>
    </row>
    <row r="196" spans="1:12">
      <c r="A196" s="45" t="s">
        <v>432</v>
      </c>
      <c r="B196" s="53">
        <v>553</v>
      </c>
      <c r="C196" s="173">
        <v>5.47</v>
      </c>
      <c r="D196" s="85">
        <v>0.1176</v>
      </c>
      <c r="E196" s="180">
        <v>0.11799999999999999</v>
      </c>
      <c r="F196" s="94">
        <v>2.7611608785542967E-2</v>
      </c>
      <c r="G196" s="180">
        <v>0.104</v>
      </c>
      <c r="H196" s="94">
        <v>2.6178260225757682E-2</v>
      </c>
      <c r="I196" s="180">
        <v>0.76600000000000001</v>
      </c>
      <c r="J196" s="94">
        <v>3.5978908161381558E-2</v>
      </c>
      <c r="K196" s="180">
        <v>1.0999999999999999E-2</v>
      </c>
      <c r="L196" s="94">
        <v>1.0134138441802415E-2</v>
      </c>
    </row>
    <row r="197" spans="1:12">
      <c r="A197" s="49" t="s">
        <v>433</v>
      </c>
      <c r="B197" s="49">
        <v>720</v>
      </c>
      <c r="C197" s="175">
        <v>5.77</v>
      </c>
      <c r="D197" s="176">
        <v>9.8000000000000004E-2</v>
      </c>
      <c r="E197" s="182">
        <v>8.5999999999999993E-2</v>
      </c>
      <c r="F197" s="97">
        <v>2.1088166243062825E-2</v>
      </c>
      <c r="G197" s="182">
        <v>7.3999999999999996E-2</v>
      </c>
      <c r="H197" s="97">
        <v>1.9739144198418539E-2</v>
      </c>
      <c r="I197" s="182">
        <v>0.83499999999999996</v>
      </c>
      <c r="J197" s="97">
        <v>2.7713174727729929E-2</v>
      </c>
      <c r="K197" s="182">
        <v>5.0000000000000001E-3</v>
      </c>
      <c r="L197" s="97">
        <v>6.5117740350968895E-3</v>
      </c>
    </row>
    <row r="198" spans="1:12">
      <c r="A198" s="45" t="s">
        <v>434</v>
      </c>
      <c r="B198" s="183">
        <v>973</v>
      </c>
      <c r="C198" s="173">
        <v>5.94</v>
      </c>
      <c r="D198" s="85">
        <v>7.8399999999999997E-2</v>
      </c>
      <c r="E198" s="180">
        <v>5.7000000000000002E-2</v>
      </c>
      <c r="F198" s="94">
        <v>1.505427401572134E-2</v>
      </c>
      <c r="G198" s="180">
        <v>7.1999999999999995E-2</v>
      </c>
      <c r="H198" s="94">
        <v>1.6723765813636042E-2</v>
      </c>
      <c r="I198" s="180">
        <v>0.86</v>
      </c>
      <c r="J198" s="94">
        <v>2.2299628483359209E-2</v>
      </c>
      <c r="K198" s="180">
        <v>1.0999999999999999E-2</v>
      </c>
      <c r="L198" s="94">
        <v>7.2484760278946269E-3</v>
      </c>
    </row>
    <row r="199" spans="1:12">
      <c r="A199" s="49" t="s">
        <v>435</v>
      </c>
      <c r="B199" s="184">
        <v>735</v>
      </c>
      <c r="C199" s="175">
        <v>5.69</v>
      </c>
      <c r="D199" s="176">
        <v>9.8000000000000004E-2</v>
      </c>
      <c r="E199" s="182">
        <v>9.8000000000000004E-2</v>
      </c>
      <c r="F199" s="97">
        <v>2.2088602461675679E-2</v>
      </c>
      <c r="G199" s="182">
        <v>8.4000000000000005E-2</v>
      </c>
      <c r="H199" s="97">
        <v>2.0654033631175898E-2</v>
      </c>
      <c r="I199" s="182">
        <v>0.80300000000000005</v>
      </c>
      <c r="J199" s="97">
        <v>2.9353169649341395E-2</v>
      </c>
      <c r="K199" s="182">
        <v>1.4999999999999999E-2</v>
      </c>
      <c r="L199" s="97">
        <v>9.680839874550734E-3</v>
      </c>
    </row>
    <row r="200" spans="1:12">
      <c r="A200" s="45" t="s">
        <v>436</v>
      </c>
      <c r="B200" s="83">
        <v>133</v>
      </c>
      <c r="C200" s="173">
        <v>5.2</v>
      </c>
      <c r="D200" s="85">
        <v>0.27440000000000003</v>
      </c>
      <c r="E200" s="180">
        <v>0.214</v>
      </c>
      <c r="F200" s="94">
        <v>7.1052705874516286E-2</v>
      </c>
      <c r="G200" s="180">
        <v>9.0999999999999998E-2</v>
      </c>
      <c r="H200" s="94">
        <v>5.1924884440264697E-2</v>
      </c>
      <c r="I200" s="180">
        <v>0.69499999999999995</v>
      </c>
      <c r="J200" s="94">
        <v>7.9075501720613131E-2</v>
      </c>
      <c r="K200" s="180">
        <v>0</v>
      </c>
      <c r="L200" s="94">
        <v>2.0494202685054641E-2</v>
      </c>
    </row>
    <row r="201" spans="1:12">
      <c r="A201" s="49" t="s">
        <v>437</v>
      </c>
      <c r="B201" s="184">
        <v>154</v>
      </c>
      <c r="C201" s="175">
        <v>5.7</v>
      </c>
      <c r="D201" s="176">
        <v>0.21559999999999999</v>
      </c>
      <c r="E201" s="182">
        <v>7.9000000000000001E-2</v>
      </c>
      <c r="F201" s="97">
        <v>4.5456789894635585E-2</v>
      </c>
      <c r="G201" s="182">
        <v>0.109</v>
      </c>
      <c r="H201" s="97">
        <v>5.1499496172605227E-2</v>
      </c>
      <c r="I201" s="182">
        <v>0.80900000000000005</v>
      </c>
      <c r="J201" s="97">
        <v>6.3503669793384038E-2</v>
      </c>
      <c r="K201" s="182">
        <v>3.0000000000000001E-3</v>
      </c>
      <c r="L201" s="97">
        <v>1.9706370542499688E-2</v>
      </c>
    </row>
    <row r="202" spans="1:12" ht="25.5">
      <c r="A202" s="45" t="s">
        <v>438</v>
      </c>
      <c r="B202" s="183">
        <v>257</v>
      </c>
      <c r="C202" s="173">
        <v>5.69</v>
      </c>
      <c r="D202" s="85">
        <v>0.15679999999999999</v>
      </c>
      <c r="E202" s="180">
        <v>6.6000000000000003E-2</v>
      </c>
      <c r="F202" s="94">
        <v>3.2133133887783535E-2</v>
      </c>
      <c r="G202" s="180">
        <v>9.8000000000000004E-2</v>
      </c>
      <c r="H202" s="94">
        <v>3.7816135618478408E-2</v>
      </c>
      <c r="I202" s="180">
        <v>0.83</v>
      </c>
      <c r="J202" s="94">
        <v>4.7044831153066957E-2</v>
      </c>
      <c r="K202" s="180">
        <v>5.0000000000000001E-3</v>
      </c>
      <c r="L202" s="94">
        <v>1.3800879694605132E-2</v>
      </c>
    </row>
    <row r="203" spans="1:12">
      <c r="A203" s="49" t="s">
        <v>439</v>
      </c>
      <c r="B203" s="184">
        <v>406</v>
      </c>
      <c r="C203" s="175">
        <v>5.8</v>
      </c>
      <c r="D203" s="176">
        <v>0.13720000000000002</v>
      </c>
      <c r="E203" s="182">
        <v>7.6999999999999999E-2</v>
      </c>
      <c r="F203" s="97">
        <v>2.6967960546014143E-2</v>
      </c>
      <c r="G203" s="182">
        <v>5.8000000000000003E-2</v>
      </c>
      <c r="H203" s="97">
        <v>2.3875568788736912E-2</v>
      </c>
      <c r="I203" s="182">
        <v>0.86499999999999999</v>
      </c>
      <c r="J203" s="97">
        <v>3.4124854206471898E-2</v>
      </c>
      <c r="K203" s="182">
        <v>0</v>
      </c>
      <c r="L203" s="97">
        <v>6.8817563133917476E-3</v>
      </c>
    </row>
    <row r="204" spans="1:12">
      <c r="A204" s="45" t="s">
        <v>440</v>
      </c>
      <c r="B204" s="183">
        <v>408</v>
      </c>
      <c r="C204" s="173">
        <v>5.74</v>
      </c>
      <c r="D204" s="85">
        <v>0.13720000000000002</v>
      </c>
      <c r="E204" s="180">
        <v>7.1999999999999995E-2</v>
      </c>
      <c r="F204" s="94">
        <v>2.6135513915365012E-2</v>
      </c>
      <c r="G204" s="180">
        <v>7.8E-2</v>
      </c>
      <c r="H204" s="94">
        <v>2.7048528058328431E-2</v>
      </c>
      <c r="I204" s="180">
        <v>0.84499999999999997</v>
      </c>
      <c r="J204" s="94">
        <v>3.5971259536308954E-2</v>
      </c>
      <c r="K204" s="180">
        <v>5.0000000000000001E-3</v>
      </c>
      <c r="L204" s="94">
        <v>9.7092044378416006E-3</v>
      </c>
    </row>
    <row r="205" spans="1:12">
      <c r="A205" s="49" t="s">
        <v>441</v>
      </c>
      <c r="B205" s="184">
        <v>280</v>
      </c>
      <c r="C205" s="175">
        <v>5.33</v>
      </c>
      <c r="D205" s="176">
        <v>0.1764</v>
      </c>
      <c r="E205" s="182">
        <v>0.13300000000000001</v>
      </c>
      <c r="F205" s="97">
        <v>4.0953140110980626E-2</v>
      </c>
      <c r="G205" s="182">
        <v>0.129</v>
      </c>
      <c r="H205" s="97">
        <v>4.0456707336257711E-2</v>
      </c>
      <c r="I205" s="182">
        <v>0.70499999999999996</v>
      </c>
      <c r="J205" s="97">
        <v>5.4275051485608315E-2</v>
      </c>
      <c r="K205" s="182">
        <v>3.3000000000000002E-2</v>
      </c>
      <c r="L205" s="97">
        <v>2.3138008809854754E-2</v>
      </c>
    </row>
    <row r="206" spans="1:12">
      <c r="A206" s="45" t="s">
        <v>442</v>
      </c>
      <c r="B206" s="183">
        <v>765</v>
      </c>
      <c r="C206" s="173">
        <v>5.7</v>
      </c>
      <c r="D206" s="85">
        <v>0</v>
      </c>
      <c r="E206" s="180">
        <v>8.8999999999999996E-2</v>
      </c>
      <c r="F206" s="94">
        <v>2.0757029639598985E-2</v>
      </c>
      <c r="G206" s="180">
        <v>7.0000000000000007E-2</v>
      </c>
      <c r="H206" s="94">
        <v>1.8670858549628497E-2</v>
      </c>
      <c r="I206" s="180">
        <v>0.82899999999999996</v>
      </c>
      <c r="J206" s="94">
        <v>2.7261877488754641E-2</v>
      </c>
      <c r="K206" s="180">
        <v>1.0999999999999999E-2</v>
      </c>
      <c r="L206" s="94">
        <v>8.33627914001373E-3</v>
      </c>
    </row>
    <row r="207" spans="1:12">
      <c r="A207" s="49" t="s">
        <v>443</v>
      </c>
      <c r="B207" s="184">
        <v>1009</v>
      </c>
      <c r="C207" s="175">
        <v>5.7</v>
      </c>
      <c r="D207" s="176">
        <v>0</v>
      </c>
      <c r="E207" s="182">
        <v>6.6000000000000003E-2</v>
      </c>
      <c r="F207" s="97">
        <v>1.5788405097790677E-2</v>
      </c>
      <c r="G207" s="182">
        <v>9.7000000000000003E-2</v>
      </c>
      <c r="H207" s="97">
        <v>1.873291953274097E-2</v>
      </c>
      <c r="I207" s="182">
        <v>0.82299999999999995</v>
      </c>
      <c r="J207" s="97">
        <v>2.4051055790264151E-2</v>
      </c>
      <c r="K207" s="182">
        <v>1.4E-2</v>
      </c>
      <c r="L207" s="97">
        <v>7.8650101946918568E-3</v>
      </c>
    </row>
    <row r="208" spans="1:12">
      <c r="A208" s="45" t="s">
        <v>444</v>
      </c>
      <c r="B208" s="183">
        <v>281</v>
      </c>
      <c r="C208" s="173">
        <v>5.8</v>
      </c>
      <c r="D208" s="85">
        <v>0.19600000000000001</v>
      </c>
      <c r="E208" s="180">
        <v>8.5000000000000006E-2</v>
      </c>
      <c r="F208" s="94">
        <v>3.4043410975816417E-2</v>
      </c>
      <c r="G208" s="180">
        <v>8.6999999999999994E-2</v>
      </c>
      <c r="H208" s="94">
        <v>3.4373654220562454E-2</v>
      </c>
      <c r="I208" s="180">
        <v>0.82599999999999996</v>
      </c>
      <c r="J208" s="94">
        <v>4.5373498923747625E-2</v>
      </c>
      <c r="K208" s="180">
        <v>2E-3</v>
      </c>
      <c r="L208" s="94">
        <v>1.1181854377856957E-2</v>
      </c>
    </row>
    <row r="209" spans="1:12">
      <c r="A209" s="49" t="s">
        <v>445</v>
      </c>
      <c r="B209" s="184">
        <v>193</v>
      </c>
      <c r="C209" s="175">
        <v>5.5</v>
      </c>
      <c r="D209" s="176">
        <v>0.19600000000000001</v>
      </c>
      <c r="E209" s="182">
        <v>0.11799999999999999</v>
      </c>
      <c r="F209" s="97">
        <v>4.7247418069326121E-2</v>
      </c>
      <c r="G209" s="182">
        <v>0.104</v>
      </c>
      <c r="H209" s="97">
        <v>4.4944977312367219E-2</v>
      </c>
      <c r="I209" s="182">
        <v>0.75900000000000001</v>
      </c>
      <c r="J209" s="97">
        <v>6.1390891314942013E-2</v>
      </c>
      <c r="K209" s="182">
        <v>1.7999999999999999E-2</v>
      </c>
      <c r="L209" s="97">
        <v>2.342054097065031E-2</v>
      </c>
    </row>
    <row r="210" spans="1:12">
      <c r="A210" s="45" t="s">
        <v>446</v>
      </c>
      <c r="B210" s="183">
        <v>165</v>
      </c>
      <c r="C210" s="173">
        <v>5.4</v>
      </c>
      <c r="D210" s="85">
        <v>0.19600000000000001</v>
      </c>
      <c r="E210" s="180">
        <v>0.161</v>
      </c>
      <c r="F210" s="94">
        <v>5.765735722440745E-2</v>
      </c>
      <c r="G210" s="180">
        <v>8.2000000000000003E-2</v>
      </c>
      <c r="H210" s="94">
        <v>4.4442390716763203E-2</v>
      </c>
      <c r="I210" s="180">
        <v>0.751</v>
      </c>
      <c r="J210" s="94">
        <v>6.7050453919344208E-2</v>
      </c>
      <c r="K210" s="180">
        <v>5.0000000000000001E-3</v>
      </c>
      <c r="L210" s="94">
        <v>1.9723864418846156E-2</v>
      </c>
    </row>
    <row r="211" spans="1:12">
      <c r="A211" s="49" t="s">
        <v>447</v>
      </c>
      <c r="B211" s="184">
        <v>79</v>
      </c>
      <c r="C211" s="175">
        <v>5.8</v>
      </c>
      <c r="D211" s="176">
        <v>0.19600000000000001</v>
      </c>
      <c r="E211" s="182">
        <v>5.5E-2</v>
      </c>
      <c r="F211" s="97">
        <v>5.8330931831877555E-2</v>
      </c>
      <c r="G211" s="182">
        <v>0.104</v>
      </c>
      <c r="H211" s="97">
        <v>7.2122580809243733E-2</v>
      </c>
      <c r="I211" s="182">
        <v>0.82599999999999996</v>
      </c>
      <c r="J211" s="97">
        <v>8.6071037984676343E-2</v>
      </c>
      <c r="K211" s="182">
        <v>1.4E-2</v>
      </c>
      <c r="L211" s="97">
        <v>4.1664930853609498E-2</v>
      </c>
    </row>
  </sheetData>
  <mergeCells count="23">
    <mergeCell ref="A185:L185"/>
    <mergeCell ref="A184:L184"/>
    <mergeCell ref="A183:L183"/>
    <mergeCell ref="A93:O93"/>
    <mergeCell ref="A94:O94"/>
    <mergeCell ref="B95:H95"/>
    <mergeCell ref="I95:O95"/>
    <mergeCell ref="A125:L125"/>
    <mergeCell ref="A124:L124"/>
    <mergeCell ref="A123:L123"/>
    <mergeCell ref="A155:J155"/>
    <mergeCell ref="A154:J154"/>
    <mergeCell ref="A153:J153"/>
    <mergeCell ref="A3:D3"/>
    <mergeCell ref="A4:D4"/>
    <mergeCell ref="A5:D5"/>
    <mergeCell ref="A33:O33"/>
    <mergeCell ref="A34:O34"/>
    <mergeCell ref="B35:H35"/>
    <mergeCell ref="I35:O35"/>
    <mergeCell ref="A63:D63"/>
    <mergeCell ref="A64:D64"/>
    <mergeCell ref="A65:D65"/>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C301"/>
  <sheetViews>
    <sheetView zoomScaleNormal="100" workbookViewId="0">
      <selection activeCell="A275" sqref="A275"/>
    </sheetView>
  </sheetViews>
  <sheetFormatPr defaultColWidth="17.5703125" defaultRowHeight="15"/>
  <cols>
    <col min="1" max="1" width="40.85546875" customWidth="1"/>
  </cols>
  <sheetData>
    <row r="1" spans="1:55" ht="31.5">
      <c r="A1" s="33" t="s">
        <v>48</v>
      </c>
    </row>
    <row r="3" spans="1:55" ht="18.75">
      <c r="A3" s="343" t="s">
        <v>271</v>
      </c>
      <c r="B3" s="343"/>
      <c r="C3" s="343"/>
      <c r="D3" s="343"/>
      <c r="E3" s="343"/>
      <c r="F3" s="343"/>
      <c r="G3" s="343"/>
      <c r="H3" s="343"/>
      <c r="I3" s="343"/>
      <c r="J3" s="343"/>
      <c r="K3" s="343"/>
      <c r="L3" s="343"/>
      <c r="M3" s="343"/>
      <c r="N3" s="343"/>
      <c r="O3" s="343"/>
      <c r="P3" s="343"/>
      <c r="Q3" s="343"/>
      <c r="R3" s="343"/>
      <c r="S3" s="343"/>
      <c r="T3" s="343"/>
      <c r="U3" s="343"/>
      <c r="V3" s="343"/>
      <c r="W3" s="343"/>
      <c r="X3" s="226"/>
      <c r="Y3" s="226"/>
      <c r="Z3" s="226"/>
      <c r="AA3" s="226"/>
      <c r="AB3" s="226"/>
      <c r="AC3" s="226"/>
      <c r="AD3" s="226"/>
      <c r="AE3" s="226"/>
      <c r="AF3" s="226"/>
      <c r="AG3" s="226"/>
      <c r="AH3" s="226"/>
      <c r="AI3" s="226"/>
      <c r="AJ3" s="226"/>
      <c r="AK3" s="226"/>
      <c r="AL3" s="226"/>
      <c r="AM3" s="226"/>
      <c r="AN3" s="226"/>
      <c r="AO3" s="226"/>
      <c r="AP3" s="226"/>
      <c r="AQ3" s="226"/>
      <c r="AR3" s="248"/>
      <c r="AS3" s="248"/>
      <c r="AT3" s="248"/>
      <c r="AU3" s="248"/>
      <c r="AV3" s="248"/>
      <c r="AW3" s="248"/>
    </row>
    <row r="4" spans="1:55" ht="39.6" customHeight="1">
      <c r="A4" s="407" t="s">
        <v>516</v>
      </c>
      <c r="B4" s="407"/>
      <c r="C4" s="407"/>
      <c r="D4" s="407"/>
      <c r="E4" s="407"/>
      <c r="F4" s="407"/>
      <c r="G4" s="407"/>
      <c r="H4" s="407"/>
      <c r="I4" s="407"/>
      <c r="J4" s="407"/>
      <c r="K4" s="407"/>
      <c r="L4" s="407"/>
      <c r="M4" s="407"/>
      <c r="N4" s="407"/>
      <c r="O4" s="407"/>
      <c r="P4" s="407"/>
      <c r="Q4" s="407"/>
      <c r="R4" s="407"/>
      <c r="S4" s="407"/>
      <c r="T4" s="407"/>
      <c r="U4" s="407"/>
      <c r="V4" s="407"/>
      <c r="W4" s="407"/>
      <c r="X4" s="258"/>
      <c r="Y4" s="258"/>
      <c r="Z4" s="258"/>
      <c r="AA4" s="258"/>
      <c r="AB4" s="258"/>
      <c r="AC4" s="258"/>
      <c r="AD4" s="258"/>
      <c r="AE4" s="258"/>
      <c r="AF4" s="258"/>
      <c r="AG4" s="258"/>
      <c r="AH4" s="258"/>
      <c r="AI4" s="258"/>
      <c r="AJ4" s="258"/>
      <c r="AK4" s="258"/>
      <c r="AL4" s="258"/>
      <c r="AM4" s="258"/>
      <c r="AN4" s="258"/>
      <c r="AO4" s="258"/>
      <c r="AP4" s="258"/>
      <c r="AQ4" s="258"/>
      <c r="AR4" s="248"/>
      <c r="AS4" s="248"/>
      <c r="AT4" s="248"/>
      <c r="AU4" s="248"/>
      <c r="AV4" s="248"/>
      <c r="AW4" s="248"/>
    </row>
    <row r="5" spans="1:55" ht="34.5" customHeight="1">
      <c r="A5" s="64"/>
      <c r="B5" s="395" t="s">
        <v>269</v>
      </c>
      <c r="C5" s="396"/>
      <c r="D5" s="396"/>
      <c r="E5" s="396"/>
      <c r="F5" s="396"/>
      <c r="G5" s="396"/>
      <c r="H5" s="396"/>
      <c r="I5" s="396"/>
      <c r="J5" s="396"/>
      <c r="K5" s="396"/>
      <c r="L5" s="397"/>
      <c r="M5" s="398" t="s">
        <v>270</v>
      </c>
      <c r="N5" s="399"/>
      <c r="O5" s="399"/>
      <c r="P5" s="399"/>
      <c r="Q5" s="399"/>
      <c r="R5" s="399"/>
      <c r="S5" s="399"/>
      <c r="T5" s="399"/>
      <c r="U5" s="399"/>
      <c r="V5" s="399"/>
      <c r="W5" s="399"/>
      <c r="X5" s="248"/>
      <c r="Y5" s="248"/>
      <c r="Z5" s="248"/>
      <c r="AA5" s="248"/>
      <c r="AB5" s="248"/>
      <c r="AC5" s="248"/>
      <c r="AD5" s="248"/>
      <c r="AE5" s="248"/>
      <c r="AF5" s="248"/>
      <c r="AG5" s="248"/>
      <c r="AH5" s="248"/>
      <c r="AI5" s="248"/>
      <c r="AJ5" s="248"/>
      <c r="AK5" s="248"/>
      <c r="AL5" s="248"/>
      <c r="AM5" s="248"/>
      <c r="AN5" s="248"/>
      <c r="AO5" s="248"/>
      <c r="AP5" s="248"/>
      <c r="AQ5" s="248"/>
      <c r="AR5" s="248"/>
      <c r="AS5" s="248"/>
      <c r="AT5" s="248"/>
      <c r="AU5" s="248"/>
      <c r="AV5" s="248"/>
      <c r="AW5" s="248"/>
      <c r="AX5" s="248"/>
      <c r="AY5" s="248"/>
      <c r="AZ5" s="248"/>
      <c r="BA5" s="248"/>
    </row>
    <row r="6" spans="1:55" ht="49.5" customHeight="1">
      <c r="A6" s="37" t="s">
        <v>85</v>
      </c>
      <c r="B6" s="38" t="s">
        <v>86</v>
      </c>
      <c r="C6" s="39" t="s">
        <v>87</v>
      </c>
      <c r="D6" s="40" t="s">
        <v>88</v>
      </c>
      <c r="E6" s="38" t="s">
        <v>364</v>
      </c>
      <c r="F6" s="89" t="s">
        <v>162</v>
      </c>
      <c r="G6" s="38" t="s">
        <v>365</v>
      </c>
      <c r="H6" s="89" t="s">
        <v>163</v>
      </c>
      <c r="I6" s="38" t="s">
        <v>366</v>
      </c>
      <c r="J6" s="89" t="s">
        <v>136</v>
      </c>
      <c r="K6" s="38" t="s">
        <v>353</v>
      </c>
      <c r="L6" s="89" t="s">
        <v>367</v>
      </c>
      <c r="M6" s="65" t="s">
        <v>86</v>
      </c>
      <c r="N6" s="66" t="s">
        <v>87</v>
      </c>
      <c r="O6" s="67" t="s">
        <v>88</v>
      </c>
      <c r="P6" s="65" t="s">
        <v>364</v>
      </c>
      <c r="Q6" s="88" t="s">
        <v>162</v>
      </c>
      <c r="R6" s="65" t="s">
        <v>368</v>
      </c>
      <c r="S6" s="88" t="s">
        <v>369</v>
      </c>
      <c r="T6" s="65" t="s">
        <v>366</v>
      </c>
      <c r="U6" s="88" t="s">
        <v>136</v>
      </c>
      <c r="V6" s="65" t="s">
        <v>353</v>
      </c>
      <c r="W6" s="88" t="s">
        <v>367</v>
      </c>
      <c r="X6" s="248"/>
      <c r="Y6" s="248"/>
      <c r="Z6" s="248"/>
      <c r="AA6" s="248"/>
      <c r="AB6" s="248"/>
      <c r="AC6" s="248"/>
      <c r="AD6" s="248"/>
      <c r="AE6" s="248"/>
      <c r="AF6" s="248"/>
      <c r="AG6" s="248"/>
      <c r="AH6" s="248"/>
      <c r="AI6" s="248"/>
      <c r="AJ6" s="248"/>
      <c r="AK6" s="248"/>
      <c r="AL6" s="248"/>
      <c r="AM6" s="248"/>
      <c r="AN6" s="248"/>
      <c r="AO6" s="248"/>
      <c r="AP6" s="248"/>
      <c r="AQ6" s="248"/>
      <c r="AR6" s="248"/>
      <c r="AS6" s="248"/>
      <c r="AT6" s="248"/>
      <c r="AU6" s="248"/>
      <c r="AV6" s="248"/>
      <c r="AW6" s="248"/>
      <c r="AX6" s="248"/>
      <c r="AY6" s="248"/>
      <c r="AZ6" s="248"/>
      <c r="BA6" s="248"/>
      <c r="BB6" s="248"/>
      <c r="BC6" s="248"/>
    </row>
    <row r="7" spans="1:55" ht="72">
      <c r="A7" s="41"/>
      <c r="B7" s="42" t="s">
        <v>89</v>
      </c>
      <c r="C7" s="125" t="s">
        <v>356</v>
      </c>
      <c r="D7" s="44" t="s">
        <v>91</v>
      </c>
      <c r="E7" s="42" t="s">
        <v>181</v>
      </c>
      <c r="F7" s="91" t="s">
        <v>104</v>
      </c>
      <c r="G7" s="42" t="s">
        <v>182</v>
      </c>
      <c r="H7" s="91" t="s">
        <v>104</v>
      </c>
      <c r="I7" s="42" t="s">
        <v>183</v>
      </c>
      <c r="J7" s="91" t="s">
        <v>104</v>
      </c>
      <c r="K7" s="42" t="s">
        <v>353</v>
      </c>
      <c r="L7" s="91" t="s">
        <v>104</v>
      </c>
      <c r="M7" s="68" t="s">
        <v>89</v>
      </c>
      <c r="N7" s="272" t="s">
        <v>356</v>
      </c>
      <c r="O7" s="70" t="s">
        <v>91</v>
      </c>
      <c r="P7" s="68" t="s">
        <v>181</v>
      </c>
      <c r="Q7" s="90" t="s">
        <v>104</v>
      </c>
      <c r="R7" s="68" t="s">
        <v>182</v>
      </c>
      <c r="S7" s="90" t="s">
        <v>104</v>
      </c>
      <c r="T7" s="68" t="s">
        <v>183</v>
      </c>
      <c r="U7" s="90" t="s">
        <v>104</v>
      </c>
      <c r="V7" s="68" t="s">
        <v>353</v>
      </c>
      <c r="W7" s="90" t="s">
        <v>104</v>
      </c>
    </row>
    <row r="8" spans="1:55">
      <c r="A8" s="45" t="s">
        <v>424</v>
      </c>
      <c r="B8" s="185">
        <v>10984</v>
      </c>
      <c r="C8" s="84">
        <v>4.8899999999999997</v>
      </c>
      <c r="D8" s="85">
        <v>3.9199999999999999E-2</v>
      </c>
      <c r="E8" s="187">
        <v>0.19600000000000001</v>
      </c>
      <c r="F8" s="94">
        <v>7.5756414386888137E-3</v>
      </c>
      <c r="G8" s="187">
        <v>0.16200000000000001</v>
      </c>
      <c r="H8" s="94">
        <v>7.0320697110495085E-3</v>
      </c>
      <c r="I8" s="187">
        <v>0.63100000000000001</v>
      </c>
      <c r="J8" s="94">
        <v>9.2068312446001097E-3</v>
      </c>
      <c r="K8" s="187">
        <v>1.0999999999999999E-2</v>
      </c>
      <c r="L8" s="94">
        <v>2.0059126667579716E-3</v>
      </c>
      <c r="M8" s="185">
        <v>11074</v>
      </c>
      <c r="N8" s="84">
        <v>5.4</v>
      </c>
      <c r="O8" s="85">
        <v>1.9599999999999999E-2</v>
      </c>
      <c r="P8" s="187">
        <v>7.4999999999999997E-2</v>
      </c>
      <c r="Q8" s="94">
        <v>5.0340808005329817E-3</v>
      </c>
      <c r="R8" s="187">
        <v>0.115</v>
      </c>
      <c r="S8" s="94">
        <v>6.0947779751367942E-3</v>
      </c>
      <c r="T8" s="187">
        <v>0.68500000000000005</v>
      </c>
      <c r="U8" s="94">
        <v>8.8701825986047169E-3</v>
      </c>
      <c r="V8" s="187">
        <v>0.126</v>
      </c>
      <c r="W8" s="94">
        <v>6.3394104173580719E-3</v>
      </c>
    </row>
    <row r="9" spans="1:55">
      <c r="A9" s="49" t="s">
        <v>425</v>
      </c>
      <c r="B9" s="49">
        <v>8836</v>
      </c>
      <c r="C9" s="169">
        <v>4.7</v>
      </c>
      <c r="D9" s="129">
        <v>3.9199999999999999E-2</v>
      </c>
      <c r="E9" s="188">
        <v>0.249</v>
      </c>
      <c r="F9" s="97">
        <v>9.2000393856238021E-3</v>
      </c>
      <c r="G9" s="188">
        <v>0.161</v>
      </c>
      <c r="H9" s="97">
        <v>7.8210464800530181E-3</v>
      </c>
      <c r="I9" s="188">
        <v>0.58499999999999996</v>
      </c>
      <c r="J9" s="97">
        <v>1.0481216488890508E-2</v>
      </c>
      <c r="K9" s="188">
        <v>5.0000000000000001E-3</v>
      </c>
      <c r="L9" s="97">
        <v>1.5334419795925037E-3</v>
      </c>
      <c r="M9" s="49">
        <v>8821</v>
      </c>
      <c r="N9" s="169">
        <v>5.47</v>
      </c>
      <c r="O9" s="129">
        <v>3.9199999999999999E-2</v>
      </c>
      <c r="P9" s="188">
        <v>7.0999999999999994E-2</v>
      </c>
      <c r="Q9" s="97">
        <v>5.4746719709409608E-3</v>
      </c>
      <c r="R9" s="188">
        <v>0.10100000000000001</v>
      </c>
      <c r="S9" s="97">
        <v>6.4203389805858871E-3</v>
      </c>
      <c r="T9" s="188">
        <v>0.69499999999999995</v>
      </c>
      <c r="U9" s="97">
        <v>9.8028026851548992E-3</v>
      </c>
      <c r="V9" s="188">
        <v>0.13300000000000001</v>
      </c>
      <c r="W9" s="97">
        <v>7.2333213841521459E-3</v>
      </c>
    </row>
    <row r="10" spans="1:55">
      <c r="A10" s="45" t="s">
        <v>426</v>
      </c>
      <c r="B10" s="53">
        <v>1982</v>
      </c>
      <c r="C10" s="84">
        <v>5.34</v>
      </c>
      <c r="D10" s="85">
        <v>5.8799999999999998E-2</v>
      </c>
      <c r="E10" s="187">
        <v>8.5500000000000007E-2</v>
      </c>
      <c r="F10" s="94">
        <v>1.2604538787916123E-2</v>
      </c>
      <c r="G10" s="187">
        <v>0.15870000000000001</v>
      </c>
      <c r="H10" s="94">
        <v>1.6427267436820155E-2</v>
      </c>
      <c r="I10" s="187">
        <v>0.73740000000000006</v>
      </c>
      <c r="J10" s="94">
        <v>1.9760297484259556E-2</v>
      </c>
      <c r="K10" s="187">
        <v>1.8499999999999999E-2</v>
      </c>
      <c r="L10" s="94">
        <v>6.2008536355848401E-3</v>
      </c>
      <c r="M10" s="53">
        <v>1982</v>
      </c>
      <c r="N10" s="84">
        <v>5.31</v>
      </c>
      <c r="O10" s="85">
        <v>5.8799999999999998E-2</v>
      </c>
      <c r="P10" s="187">
        <v>7.5800000000000006E-2</v>
      </c>
      <c r="Q10" s="94">
        <v>1.1939633879621185E-2</v>
      </c>
      <c r="R10" s="187">
        <v>0.125</v>
      </c>
      <c r="S10" s="94">
        <v>1.4880585078639935E-2</v>
      </c>
      <c r="T10" s="187">
        <v>0.68089999999999995</v>
      </c>
      <c r="U10" s="94">
        <v>2.0925556405062211E-2</v>
      </c>
      <c r="V10" s="187">
        <v>0.1183</v>
      </c>
      <c r="W10" s="94">
        <v>1.4534842448889567E-2</v>
      </c>
    </row>
    <row r="11" spans="1:55">
      <c r="A11" s="49" t="s">
        <v>427</v>
      </c>
      <c r="B11" s="49">
        <v>8487</v>
      </c>
      <c r="C11" s="169">
        <v>4.9000000000000004</v>
      </c>
      <c r="D11" s="129">
        <v>3.9199999999999999E-2</v>
      </c>
      <c r="E11" s="188">
        <v>0.19500000000000001</v>
      </c>
      <c r="F11" s="97">
        <v>8.6017536644816383E-3</v>
      </c>
      <c r="G11" s="188">
        <v>0.16200000000000001</v>
      </c>
      <c r="H11" s="97">
        <v>8.0002241277254849E-3</v>
      </c>
      <c r="I11" s="188">
        <v>0.63200000000000001</v>
      </c>
      <c r="J11" s="97">
        <v>1.0467629608201013E-2</v>
      </c>
      <c r="K11" s="188">
        <v>1.0999999999999999E-2</v>
      </c>
      <c r="L11" s="97">
        <v>2.2871518822936863E-3</v>
      </c>
      <c r="M11" s="49">
        <v>8474</v>
      </c>
      <c r="N11" s="169">
        <v>5.4</v>
      </c>
      <c r="O11" s="129">
        <v>3.9199999999999999E-2</v>
      </c>
      <c r="P11" s="188">
        <v>7.3999999999999996E-2</v>
      </c>
      <c r="Q11" s="97">
        <v>5.6930696566632934E-3</v>
      </c>
      <c r="R11" s="188">
        <v>0.115</v>
      </c>
      <c r="S11" s="97">
        <v>6.9342898687537666E-3</v>
      </c>
      <c r="T11" s="188">
        <v>0.68500000000000005</v>
      </c>
      <c r="U11" s="97">
        <v>1.0090584946821801E-2</v>
      </c>
      <c r="V11" s="188">
        <v>0.126</v>
      </c>
      <c r="W11" s="97">
        <v>7.2124750541220466E-3</v>
      </c>
    </row>
    <row r="12" spans="1:55">
      <c r="A12" s="45" t="s">
        <v>428</v>
      </c>
      <c r="B12" s="53">
        <v>2499</v>
      </c>
      <c r="C12" s="84">
        <v>4.5199999999999996</v>
      </c>
      <c r="D12" s="85">
        <v>5.8799999999999998E-2</v>
      </c>
      <c r="E12" s="187">
        <v>0.29099999999999998</v>
      </c>
      <c r="F12" s="94">
        <v>1.8164186603503472E-2</v>
      </c>
      <c r="G12" s="187">
        <v>0.17100000000000001</v>
      </c>
      <c r="H12" s="94">
        <v>1.5069670647471859E-2</v>
      </c>
      <c r="I12" s="187">
        <v>0.53100000000000003</v>
      </c>
      <c r="J12" s="94">
        <v>1.9949679767567011E-2</v>
      </c>
      <c r="K12" s="187">
        <v>7.0000000000000001E-3</v>
      </c>
      <c r="L12" s="94">
        <v>3.5140728199168788E-3</v>
      </c>
      <c r="M12" s="53">
        <v>2495</v>
      </c>
      <c r="N12" s="84">
        <v>5.28</v>
      </c>
      <c r="O12" s="85">
        <v>5.8799999999999998E-2</v>
      </c>
      <c r="P12" s="187">
        <v>0.11</v>
      </c>
      <c r="Q12" s="94">
        <v>1.2549160637199165E-2</v>
      </c>
      <c r="R12" s="187">
        <v>0.105</v>
      </c>
      <c r="S12" s="94">
        <v>1.229711412012471E-2</v>
      </c>
      <c r="T12" s="187">
        <v>0.68200000000000005</v>
      </c>
      <c r="U12" s="94">
        <v>1.8636256356387149E-2</v>
      </c>
      <c r="V12" s="187">
        <v>0.10299999999999999</v>
      </c>
      <c r="W12" s="94">
        <v>1.2193921091831261E-2</v>
      </c>
    </row>
    <row r="13" spans="1:55">
      <c r="A13" s="49" t="s">
        <v>429</v>
      </c>
      <c r="B13" s="49">
        <v>617</v>
      </c>
      <c r="C13" s="169">
        <v>4.6100000000000003</v>
      </c>
      <c r="D13" s="129">
        <v>0.13720000000000002</v>
      </c>
      <c r="E13" s="188">
        <v>0.251</v>
      </c>
      <c r="F13" s="97">
        <v>3.487222152623097E-2</v>
      </c>
      <c r="G13" s="188">
        <v>0.184</v>
      </c>
      <c r="H13" s="97">
        <v>3.1230919764247498E-2</v>
      </c>
      <c r="I13" s="188">
        <v>0.54900000000000004</v>
      </c>
      <c r="J13" s="97">
        <v>3.9937941484127139E-2</v>
      </c>
      <c r="K13" s="188">
        <v>1.6E-2</v>
      </c>
      <c r="L13" s="97">
        <v>1.0990281617559425E-2</v>
      </c>
      <c r="M13" s="49">
        <v>611</v>
      </c>
      <c r="N13" s="169">
        <v>5.3</v>
      </c>
      <c r="O13" s="129">
        <v>0.1176</v>
      </c>
      <c r="P13" s="188">
        <v>0.13100000000000001</v>
      </c>
      <c r="Q13" s="97">
        <v>2.742077308807991E-2</v>
      </c>
      <c r="R13" s="188">
        <v>5.8999999999999997E-2</v>
      </c>
      <c r="S13" s="97">
        <v>1.9429356222203511E-2</v>
      </c>
      <c r="T13" s="188">
        <v>0.71199999999999997</v>
      </c>
      <c r="U13" s="97">
        <v>3.6571679134573841E-2</v>
      </c>
      <c r="V13" s="188">
        <v>9.8000000000000004E-2</v>
      </c>
      <c r="W13" s="97">
        <v>2.4260286332929027E-2</v>
      </c>
    </row>
    <row r="14" spans="1:55">
      <c r="A14" s="45" t="s">
        <v>430</v>
      </c>
      <c r="B14" s="53">
        <v>1574</v>
      </c>
      <c r="C14" s="84">
        <v>4.46</v>
      </c>
      <c r="D14" s="85">
        <v>7.8399999999999997E-2</v>
      </c>
      <c r="E14" s="187">
        <v>0.30299999999999999</v>
      </c>
      <c r="F14" s="94">
        <v>2.3148142567162491E-2</v>
      </c>
      <c r="G14" s="187">
        <v>0.18099999999999999</v>
      </c>
      <c r="H14" s="94">
        <v>1.9418298815213418E-2</v>
      </c>
      <c r="I14" s="187">
        <v>0.51300000000000001</v>
      </c>
      <c r="J14" s="94">
        <v>2.516520097603692E-2</v>
      </c>
      <c r="K14" s="187">
        <v>3.0000000000000001E-3</v>
      </c>
      <c r="L14" s="94">
        <v>3.2790290658358981E-3</v>
      </c>
      <c r="M14" s="53">
        <v>1578</v>
      </c>
      <c r="N14" s="84">
        <v>5.27</v>
      </c>
      <c r="O14" s="85">
        <v>7.8399999999999997E-2</v>
      </c>
      <c r="P14" s="187">
        <v>0.104</v>
      </c>
      <c r="Q14" s="94">
        <v>1.5414705469566218E-2</v>
      </c>
      <c r="R14" s="187">
        <v>0.12</v>
      </c>
      <c r="S14" s="94">
        <v>1.6396577898621815E-2</v>
      </c>
      <c r="T14" s="187">
        <v>0.67200000000000004</v>
      </c>
      <c r="U14" s="94">
        <v>2.3615408515399595E-2</v>
      </c>
      <c r="V14" s="187">
        <v>0.104</v>
      </c>
      <c r="W14" s="94">
        <v>1.5414705469566218E-2</v>
      </c>
    </row>
    <row r="15" spans="1:55">
      <c r="A15" s="49" t="s">
        <v>431</v>
      </c>
      <c r="B15" s="49">
        <v>240</v>
      </c>
      <c r="C15" s="169">
        <v>4.28</v>
      </c>
      <c r="D15" s="129">
        <v>0.21559999999999999</v>
      </c>
      <c r="E15" s="188">
        <v>0.36099999999999999</v>
      </c>
      <c r="F15" s="97">
        <v>6.1578589395517205E-2</v>
      </c>
      <c r="G15" s="188">
        <v>0.21199999999999999</v>
      </c>
      <c r="H15" s="97">
        <v>5.2752621662423782E-2</v>
      </c>
      <c r="I15" s="188">
        <v>0.41</v>
      </c>
      <c r="J15" s="97">
        <v>6.3007077007699863E-2</v>
      </c>
      <c r="K15" s="188">
        <v>1.7999999999999999E-2</v>
      </c>
      <c r="L15" s="97">
        <v>2.0337619355314748E-2</v>
      </c>
      <c r="M15" s="49">
        <v>239</v>
      </c>
      <c r="N15" s="169">
        <v>5.0999999999999996</v>
      </c>
      <c r="O15" s="129">
        <v>0.19600000000000001</v>
      </c>
      <c r="P15" s="188">
        <v>0.13400000000000001</v>
      </c>
      <c r="Q15" s="97">
        <v>4.4521743366550105E-2</v>
      </c>
      <c r="R15" s="188">
        <v>8.6999999999999994E-2</v>
      </c>
      <c r="S15" s="97">
        <v>3.74056228499903E-2</v>
      </c>
      <c r="T15" s="188">
        <v>0.71</v>
      </c>
      <c r="U15" s="97">
        <v>5.8420908153923139E-2</v>
      </c>
      <c r="V15" s="188">
        <v>7.0000000000000007E-2</v>
      </c>
      <c r="W15" s="97">
        <v>3.4219610779290206E-2</v>
      </c>
    </row>
    <row r="16" spans="1:55">
      <c r="A16" s="45" t="s">
        <v>432</v>
      </c>
      <c r="B16" s="53">
        <v>554</v>
      </c>
      <c r="C16" s="84">
        <v>4.24</v>
      </c>
      <c r="D16" s="85">
        <v>0.13720000000000002</v>
      </c>
      <c r="E16" s="187">
        <v>0.34799999999999998</v>
      </c>
      <c r="F16" s="94">
        <v>4.0359145113402405E-2</v>
      </c>
      <c r="G16" s="187">
        <v>0.16600000000000001</v>
      </c>
      <c r="H16" s="94">
        <v>3.1683655507304231E-2</v>
      </c>
      <c r="I16" s="187">
        <v>0.48399999999999999</v>
      </c>
      <c r="J16" s="94">
        <v>4.231200521877345E-2</v>
      </c>
      <c r="K16" s="187">
        <v>2E-3</v>
      </c>
      <c r="L16" s="94">
        <v>6.3012024630202624E-3</v>
      </c>
      <c r="M16" s="53">
        <v>554</v>
      </c>
      <c r="N16" s="84">
        <v>5.08</v>
      </c>
      <c r="O16" s="85">
        <v>0.13720000000000002</v>
      </c>
      <c r="P16" s="187">
        <v>0.13500000000000001</v>
      </c>
      <c r="Q16" s="94">
        <v>2.9167442673018223E-2</v>
      </c>
      <c r="R16" s="187">
        <v>0.151</v>
      </c>
      <c r="S16" s="94">
        <v>3.0519867426943778E-2</v>
      </c>
      <c r="T16" s="187">
        <v>0.625</v>
      </c>
      <c r="U16" s="94">
        <v>4.1008628466851195E-2</v>
      </c>
      <c r="V16" s="187">
        <v>8.8999999999999996E-2</v>
      </c>
      <c r="W16" s="94">
        <v>2.446446126149962E-2</v>
      </c>
    </row>
    <row r="17" spans="1:23">
      <c r="A17" s="49" t="s">
        <v>433</v>
      </c>
      <c r="B17" s="49">
        <v>713</v>
      </c>
      <c r="C17" s="169">
        <v>4.5199999999999996</v>
      </c>
      <c r="D17" s="129">
        <v>0.1176</v>
      </c>
      <c r="E17" s="188">
        <v>0.28299999999999997</v>
      </c>
      <c r="F17" s="97">
        <v>3.3688617177745732E-2</v>
      </c>
      <c r="G17" s="188">
        <v>0.17799999999999999</v>
      </c>
      <c r="H17" s="97">
        <v>2.8682811880633433E-2</v>
      </c>
      <c r="I17" s="188">
        <v>0.53200000000000003</v>
      </c>
      <c r="J17" s="97">
        <v>3.7269974642312687E-2</v>
      </c>
      <c r="K17" s="188">
        <v>7.0000000000000001E-3</v>
      </c>
      <c r="L17" s="97">
        <v>7.3392695800006237E-3</v>
      </c>
      <c r="M17" s="49">
        <v>716</v>
      </c>
      <c r="N17" s="169">
        <v>5.27</v>
      </c>
      <c r="O17" s="129">
        <v>0.1176</v>
      </c>
      <c r="P17" s="188">
        <v>0.12</v>
      </c>
      <c r="Q17" s="97">
        <v>2.4404005551721421E-2</v>
      </c>
      <c r="R17" s="188">
        <v>9.0999999999999998E-2</v>
      </c>
      <c r="S17" s="97">
        <v>2.1675961440159493E-2</v>
      </c>
      <c r="T17" s="188">
        <v>0.65600000000000003</v>
      </c>
      <c r="U17" s="97">
        <v>3.5428617504379208E-2</v>
      </c>
      <c r="V17" s="188">
        <v>0.13300000000000001</v>
      </c>
      <c r="W17" s="97">
        <v>2.54736669454451E-2</v>
      </c>
    </row>
    <row r="18" spans="1:23">
      <c r="A18" s="45" t="s">
        <v>434</v>
      </c>
      <c r="B18" s="185">
        <v>970</v>
      </c>
      <c r="C18" s="84">
        <v>5</v>
      </c>
      <c r="D18" s="85">
        <v>9.8000000000000004E-2</v>
      </c>
      <c r="E18" s="187">
        <v>0.191</v>
      </c>
      <c r="F18" s="94">
        <v>2.5254485266351993E-2</v>
      </c>
      <c r="G18" s="187">
        <v>0.14599999999999999</v>
      </c>
      <c r="H18" s="94">
        <v>2.2721524227733277E-2</v>
      </c>
      <c r="I18" s="187">
        <v>0.65800000000000003</v>
      </c>
      <c r="J18" s="94">
        <v>3.0414023438486811E-2</v>
      </c>
      <c r="K18" s="187">
        <v>5.0000000000000001E-3</v>
      </c>
      <c r="L18" s="94">
        <v>5.3552995000823453E-3</v>
      </c>
      <c r="M18" s="185">
        <v>966</v>
      </c>
      <c r="N18" s="84">
        <v>5.64</v>
      </c>
      <c r="O18" s="85">
        <v>7.8399999999999997E-2</v>
      </c>
      <c r="P18" s="187">
        <v>5.7000000000000002E-2</v>
      </c>
      <c r="Q18" s="94">
        <v>1.5110071911009685E-2</v>
      </c>
      <c r="R18" s="187">
        <v>7.6999999999999999E-2</v>
      </c>
      <c r="S18" s="94">
        <v>1.729592770209985E-2</v>
      </c>
      <c r="T18" s="187">
        <v>0.75700000000000001</v>
      </c>
      <c r="U18" s="94">
        <v>2.7582648875711359E-2</v>
      </c>
      <c r="V18" s="187">
        <v>0.109</v>
      </c>
      <c r="W18" s="94">
        <v>2.0141486598983509E-2</v>
      </c>
    </row>
    <row r="19" spans="1:23">
      <c r="A19" s="49" t="s">
        <v>435</v>
      </c>
      <c r="B19" s="186">
        <v>735</v>
      </c>
      <c r="C19" s="169">
        <v>4.4400000000000004</v>
      </c>
      <c r="D19" s="129">
        <v>0.1176</v>
      </c>
      <c r="E19" s="188">
        <v>0.33200000000000002</v>
      </c>
      <c r="F19" s="97">
        <v>3.4670746722783884E-2</v>
      </c>
      <c r="G19" s="188">
        <v>0.158</v>
      </c>
      <c r="H19" s="97">
        <v>2.6961483074750412E-2</v>
      </c>
      <c r="I19" s="188">
        <v>0.50800000000000001</v>
      </c>
      <c r="J19" s="97">
        <v>3.6780936622100018E-2</v>
      </c>
      <c r="K19" s="188">
        <v>2E-3</v>
      </c>
      <c r="L19" s="97">
        <v>5.0295400520864999E-3</v>
      </c>
      <c r="M19" s="186">
        <v>735</v>
      </c>
      <c r="N19" s="169">
        <v>5.28</v>
      </c>
      <c r="O19" s="129">
        <v>0.1176</v>
      </c>
      <c r="P19" s="188">
        <v>8.3000000000000004E-2</v>
      </c>
      <c r="Q19" s="97">
        <v>2.054577784283999E-2</v>
      </c>
      <c r="R19" s="188">
        <v>0.129</v>
      </c>
      <c r="S19" s="97">
        <v>2.4823598686988753E-2</v>
      </c>
      <c r="T19" s="188">
        <v>0.67600000000000005</v>
      </c>
      <c r="U19" s="97">
        <v>3.4457592637973718E-2</v>
      </c>
      <c r="V19" s="188">
        <v>0.113</v>
      </c>
      <c r="W19" s="97">
        <v>2.3479231306061148E-2</v>
      </c>
    </row>
    <row r="20" spans="1:23">
      <c r="A20" s="45" t="s">
        <v>436</v>
      </c>
      <c r="B20" s="54">
        <v>132</v>
      </c>
      <c r="C20" s="84">
        <v>4.4000000000000004</v>
      </c>
      <c r="D20" s="85">
        <v>0.29399999999999998</v>
      </c>
      <c r="E20" s="187">
        <v>0.20899999999999999</v>
      </c>
      <c r="F20" s="94">
        <v>7.0757868370178251E-2</v>
      </c>
      <c r="G20" s="187">
        <v>0.30599999999999999</v>
      </c>
      <c r="H20" s="94">
        <v>7.9436494291225304E-2</v>
      </c>
      <c r="I20" s="187">
        <v>0.42899999999999999</v>
      </c>
      <c r="J20" s="94">
        <v>8.4930970012177795E-2</v>
      </c>
      <c r="K20" s="187">
        <v>5.6000000000000001E-2</v>
      </c>
      <c r="L20" s="94">
        <v>4.3484176439842266E-2</v>
      </c>
      <c r="M20" s="54">
        <v>133</v>
      </c>
      <c r="N20" s="84">
        <v>5.0999999999999996</v>
      </c>
      <c r="O20" s="85">
        <v>0.21559999999999999</v>
      </c>
      <c r="P20" s="187">
        <v>0.223</v>
      </c>
      <c r="Q20" s="94">
        <v>7.2027187976124021E-2</v>
      </c>
      <c r="R20" s="187">
        <v>8.5000000000000006E-2</v>
      </c>
      <c r="S20" s="94">
        <v>5.0597919159588702E-2</v>
      </c>
      <c r="T20" s="187">
        <v>0.60099999999999998</v>
      </c>
      <c r="U20" s="94">
        <v>8.3776899206204111E-2</v>
      </c>
      <c r="V20" s="187">
        <v>0.09</v>
      </c>
      <c r="W20" s="94">
        <v>5.1707418962985058E-2</v>
      </c>
    </row>
    <row r="21" spans="1:23">
      <c r="A21" s="49" t="s">
        <v>437</v>
      </c>
      <c r="B21" s="186">
        <v>155</v>
      </c>
      <c r="C21" s="169">
        <v>4.5599999999999996</v>
      </c>
      <c r="D21" s="129">
        <v>0.27440000000000003</v>
      </c>
      <c r="E21" s="188">
        <v>0.254</v>
      </c>
      <c r="F21" s="97">
        <v>6.9588282545408303E-2</v>
      </c>
      <c r="G21" s="188">
        <v>0.20200000000000001</v>
      </c>
      <c r="H21" s="97">
        <v>6.4546394595263387E-2</v>
      </c>
      <c r="I21" s="188">
        <v>0.54300000000000004</v>
      </c>
      <c r="J21" s="97">
        <v>7.902596679201708E-2</v>
      </c>
      <c r="K21" s="188">
        <v>0</v>
      </c>
      <c r="L21" s="97">
        <v>1.7676616229639286E-2</v>
      </c>
      <c r="M21" s="186">
        <v>152</v>
      </c>
      <c r="N21" s="169">
        <v>5.43</v>
      </c>
      <c r="O21" s="129">
        <v>0.23519999999999999</v>
      </c>
      <c r="P21" s="188">
        <v>7.2999999999999995E-2</v>
      </c>
      <c r="Q21" s="97">
        <v>4.440528113183205E-2</v>
      </c>
      <c r="R21" s="188">
        <v>9.4E-2</v>
      </c>
      <c r="S21" s="97">
        <v>4.8965910372735774E-2</v>
      </c>
      <c r="T21" s="188">
        <v>0.76700000000000002</v>
      </c>
      <c r="U21" s="97">
        <v>6.8373029682643235E-2</v>
      </c>
      <c r="V21" s="188">
        <v>6.6000000000000003E-2</v>
      </c>
      <c r="W21" s="97">
        <v>4.272135270531547E-2</v>
      </c>
    </row>
    <row r="22" spans="1:23" ht="25.5">
      <c r="A22" s="45" t="s">
        <v>438</v>
      </c>
      <c r="B22" s="185">
        <v>254</v>
      </c>
      <c r="C22" s="84">
        <v>4.75</v>
      </c>
      <c r="D22" s="85">
        <v>0.19600000000000001</v>
      </c>
      <c r="E22" s="187">
        <v>0.23799999999999999</v>
      </c>
      <c r="F22" s="94">
        <v>5.3333526572432476E-2</v>
      </c>
      <c r="G22" s="187">
        <v>0.13500000000000001</v>
      </c>
      <c r="H22" s="94">
        <v>4.3289897927508807E-2</v>
      </c>
      <c r="I22" s="187">
        <v>0.61599999999999999</v>
      </c>
      <c r="J22" s="94">
        <v>6.06116121973658E-2</v>
      </c>
      <c r="K22" s="187">
        <v>1.0999999999999999E-2</v>
      </c>
      <c r="L22" s="94">
        <v>1.6814596416415611E-2</v>
      </c>
      <c r="M22" s="185">
        <v>254</v>
      </c>
      <c r="N22" s="84">
        <v>5.53</v>
      </c>
      <c r="O22" s="85">
        <v>0.1764</v>
      </c>
      <c r="P22" s="187">
        <v>8.3000000000000004E-2</v>
      </c>
      <c r="Q22" s="94">
        <v>3.5538189797473869E-2</v>
      </c>
      <c r="R22" s="187">
        <v>5.2999999999999999E-2</v>
      </c>
      <c r="S22" s="94">
        <v>2.9554469430403657E-2</v>
      </c>
      <c r="T22" s="187">
        <v>0.73599999999999999</v>
      </c>
      <c r="U22" s="94">
        <v>5.5127423934817496E-2</v>
      </c>
      <c r="V22" s="187">
        <v>0.128</v>
      </c>
      <c r="W22" s="94">
        <v>4.2385040757062675E-2</v>
      </c>
    </row>
    <row r="23" spans="1:23">
      <c r="A23" s="49" t="s">
        <v>439</v>
      </c>
      <c r="B23" s="186">
        <v>401</v>
      </c>
      <c r="C23" s="169">
        <v>4.33</v>
      </c>
      <c r="D23" s="129">
        <v>0.15679999999999999</v>
      </c>
      <c r="E23" s="188">
        <v>0.309</v>
      </c>
      <c r="F23" s="97">
        <v>4.5999039578400451E-2</v>
      </c>
      <c r="G23" s="188">
        <v>0.21299999999999999</v>
      </c>
      <c r="H23" s="97">
        <v>4.0885266409599441E-2</v>
      </c>
      <c r="I23" s="188">
        <v>0.47499999999999998</v>
      </c>
      <c r="J23" s="97">
        <v>4.9629470009851288E-2</v>
      </c>
      <c r="K23" s="188">
        <v>2E-3</v>
      </c>
      <c r="L23" s="97">
        <v>8.2376147932367184E-3</v>
      </c>
      <c r="M23" s="186">
        <v>402</v>
      </c>
      <c r="N23" s="169">
        <v>5.0199999999999996</v>
      </c>
      <c r="O23" s="129">
        <v>0.15679999999999999</v>
      </c>
      <c r="P23" s="188">
        <v>0.16600000000000001</v>
      </c>
      <c r="Q23" s="97">
        <v>3.7222711361134947E-2</v>
      </c>
      <c r="R23" s="188">
        <v>0.109</v>
      </c>
      <c r="S23" s="97">
        <v>3.1406534089012589E-2</v>
      </c>
      <c r="T23" s="188">
        <v>0.65600000000000003</v>
      </c>
      <c r="U23" s="97">
        <v>4.7201607730317244E-2</v>
      </c>
      <c r="V23" s="188">
        <v>7.0000000000000007E-2</v>
      </c>
      <c r="W23" s="97">
        <v>2.6021098339571606E-2</v>
      </c>
    </row>
    <row r="24" spans="1:23">
      <c r="A24" s="45" t="s">
        <v>440</v>
      </c>
      <c r="B24" s="185">
        <v>405</v>
      </c>
      <c r="C24" s="84">
        <v>4.5599999999999996</v>
      </c>
      <c r="D24" s="85">
        <v>0.15679999999999999</v>
      </c>
      <c r="E24" s="187">
        <v>0.29499999999999998</v>
      </c>
      <c r="F24" s="94">
        <v>4.5188330201151795E-2</v>
      </c>
      <c r="G24" s="187">
        <v>0.16200000000000001</v>
      </c>
      <c r="H24" s="94">
        <v>3.6734649415527426E-2</v>
      </c>
      <c r="I24" s="187">
        <v>0.53900000000000003</v>
      </c>
      <c r="J24" s="94">
        <v>4.9299107559629268E-2</v>
      </c>
      <c r="K24" s="187">
        <v>4.0000000000000001E-3</v>
      </c>
      <c r="L24" s="94">
        <v>9.2625481389995035E-3</v>
      </c>
      <c r="M24" s="185">
        <v>408</v>
      </c>
      <c r="N24" s="84">
        <v>5.38</v>
      </c>
      <c r="O24" s="85">
        <v>0.15679999999999999</v>
      </c>
      <c r="P24" s="187">
        <v>0.104</v>
      </c>
      <c r="Q24" s="94">
        <v>3.0563349690259808E-2</v>
      </c>
      <c r="R24" s="187">
        <v>0.106</v>
      </c>
      <c r="S24" s="94">
        <v>3.0808468571658709E-2</v>
      </c>
      <c r="T24" s="187">
        <v>0.68500000000000005</v>
      </c>
      <c r="U24" s="94">
        <v>4.5840196998879576E-2</v>
      </c>
      <c r="V24" s="187">
        <v>0.105</v>
      </c>
      <c r="W24" s="94">
        <v>3.0686309017928778E-2</v>
      </c>
    </row>
    <row r="25" spans="1:23">
      <c r="A25" s="49" t="s">
        <v>441</v>
      </c>
      <c r="B25" s="186">
        <v>283</v>
      </c>
      <c r="C25" s="169">
        <v>4.58</v>
      </c>
      <c r="D25" s="129">
        <v>0.19600000000000001</v>
      </c>
      <c r="E25" s="188">
        <v>0.29399999999999998</v>
      </c>
      <c r="F25" s="97">
        <v>5.3937457899742358E-2</v>
      </c>
      <c r="G25" s="188">
        <v>0.14399999999999999</v>
      </c>
      <c r="H25" s="97">
        <v>4.2034015196697277E-2</v>
      </c>
      <c r="I25" s="188">
        <v>0.55400000000000005</v>
      </c>
      <c r="J25" s="97">
        <v>5.8692456086275518E-2</v>
      </c>
      <c r="K25" s="188">
        <v>8.0000000000000002E-3</v>
      </c>
      <c r="L25" s="97">
        <v>1.4282568095563015E-2</v>
      </c>
      <c r="M25" s="186">
        <v>278</v>
      </c>
      <c r="N25" s="169">
        <v>5.15</v>
      </c>
      <c r="O25" s="129">
        <v>0.19600000000000001</v>
      </c>
      <c r="P25" s="188">
        <v>0.129</v>
      </c>
      <c r="Q25" s="97">
        <v>4.0604652678008085E-2</v>
      </c>
      <c r="R25" s="188">
        <v>0.115</v>
      </c>
      <c r="S25" s="97">
        <v>3.8766466114042143E-2</v>
      </c>
      <c r="T25" s="188">
        <v>0.623</v>
      </c>
      <c r="U25" s="97">
        <v>5.7771517139478139E-2</v>
      </c>
      <c r="V25" s="188">
        <v>0.13300000000000001</v>
      </c>
      <c r="W25" s="97">
        <v>4.1102685025532486E-2</v>
      </c>
    </row>
    <row r="26" spans="1:23">
      <c r="A26" s="45" t="s">
        <v>442</v>
      </c>
      <c r="B26" s="185">
        <v>768</v>
      </c>
      <c r="C26" s="84">
        <v>4.5</v>
      </c>
      <c r="D26" s="85">
        <v>0.19600000000000001</v>
      </c>
      <c r="E26" s="187">
        <v>0.30399999999999999</v>
      </c>
      <c r="F26" s="94">
        <v>3.3141325730324425E-2</v>
      </c>
      <c r="G26" s="187">
        <v>0.16200000000000001</v>
      </c>
      <c r="H26" s="94">
        <v>2.6636762999076535E-2</v>
      </c>
      <c r="I26" s="187">
        <v>0.53</v>
      </c>
      <c r="J26" s="94">
        <v>3.592661650342524E-2</v>
      </c>
      <c r="K26" s="187">
        <v>4.0000000000000001E-3</v>
      </c>
      <c r="L26" s="94">
        <v>5.8152844736616719E-3</v>
      </c>
      <c r="M26" s="185">
        <v>769</v>
      </c>
      <c r="N26" s="84">
        <v>5.3</v>
      </c>
      <c r="O26" s="85">
        <v>0.19600000000000001</v>
      </c>
      <c r="P26" s="187">
        <v>0.104</v>
      </c>
      <c r="Q26" s="94">
        <v>2.2148824500498234E-2</v>
      </c>
      <c r="R26" s="187">
        <v>0.10199999999999999</v>
      </c>
      <c r="S26" s="94">
        <v>2.1964469381973478E-2</v>
      </c>
      <c r="T26" s="187">
        <v>0.68100000000000005</v>
      </c>
      <c r="U26" s="94">
        <v>3.3554202124480105E-2</v>
      </c>
      <c r="V26" s="187">
        <v>0.112</v>
      </c>
      <c r="W26" s="94">
        <v>2.2862431509559324E-2</v>
      </c>
    </row>
    <row r="27" spans="1:23">
      <c r="A27" s="49" t="s">
        <v>443</v>
      </c>
      <c r="B27" s="186">
        <v>1007</v>
      </c>
      <c r="C27" s="169">
        <v>4.7</v>
      </c>
      <c r="D27" s="129">
        <v>0.19600000000000001</v>
      </c>
      <c r="E27" s="188">
        <v>0.24199999999999999</v>
      </c>
      <c r="F27" s="97">
        <v>2.6978518481407809E-2</v>
      </c>
      <c r="G27" s="188">
        <v>0.17599999999999999</v>
      </c>
      <c r="H27" s="97">
        <v>2.402216478629789E-2</v>
      </c>
      <c r="I27" s="188">
        <v>0.56299999999999994</v>
      </c>
      <c r="J27" s="97">
        <v>3.1201609459017881E-2</v>
      </c>
      <c r="K27" s="188">
        <v>1.9E-2</v>
      </c>
      <c r="L27" s="97">
        <v>8.9985443578278271E-3</v>
      </c>
      <c r="M27" s="186">
        <v>1003</v>
      </c>
      <c r="N27" s="169">
        <v>5.3</v>
      </c>
      <c r="O27" s="129">
        <v>0</v>
      </c>
      <c r="P27" s="188">
        <v>0.121</v>
      </c>
      <c r="Q27" s="97">
        <v>2.0664038256820789E-2</v>
      </c>
      <c r="R27" s="188">
        <v>9.0999999999999998E-2</v>
      </c>
      <c r="S27" s="97">
        <v>1.8271406997659854E-2</v>
      </c>
      <c r="T27" s="188">
        <v>0.67500000000000004</v>
      </c>
      <c r="U27" s="97">
        <v>2.9535820657758123E-2</v>
      </c>
      <c r="V27" s="188">
        <v>0.113</v>
      </c>
      <c r="W27" s="97">
        <v>2.0071219780720521E-2</v>
      </c>
    </row>
    <row r="28" spans="1:23">
      <c r="A28" s="45" t="s">
        <v>444</v>
      </c>
      <c r="B28" s="185">
        <v>281</v>
      </c>
      <c r="C28" s="84">
        <v>4.5</v>
      </c>
      <c r="D28" s="85">
        <v>0.19600000000000001</v>
      </c>
      <c r="E28" s="187">
        <v>0.32900000000000001</v>
      </c>
      <c r="F28" s="94">
        <v>5.5765680195970876E-2</v>
      </c>
      <c r="G28" s="187">
        <v>0.14599999999999999</v>
      </c>
      <c r="H28" s="94">
        <v>4.2414323449151227E-2</v>
      </c>
      <c r="I28" s="187">
        <v>0.52500000000000002</v>
      </c>
      <c r="J28" s="94">
        <v>5.9162864211277241E-2</v>
      </c>
      <c r="K28" s="187">
        <v>0</v>
      </c>
      <c r="L28" s="94">
        <v>9.8894222688490421E-3</v>
      </c>
      <c r="M28" s="185">
        <v>278</v>
      </c>
      <c r="N28" s="84">
        <v>5.5</v>
      </c>
      <c r="O28" s="85">
        <v>0.19600000000000001</v>
      </c>
      <c r="P28" s="187">
        <v>5.1999999999999998E-2</v>
      </c>
      <c r="Q28" s="94">
        <v>2.7918155314373683E-2</v>
      </c>
      <c r="R28" s="187">
        <v>8.5999999999999993E-2</v>
      </c>
      <c r="S28" s="94">
        <v>3.4401017115564314E-2</v>
      </c>
      <c r="T28" s="187">
        <v>0.77500000000000002</v>
      </c>
      <c r="U28" s="94">
        <v>5.0036181878717098E-2</v>
      </c>
      <c r="V28" s="187">
        <v>8.5999999999999993E-2</v>
      </c>
      <c r="W28" s="94">
        <v>3.4401017115564314E-2</v>
      </c>
    </row>
    <row r="29" spans="1:23">
      <c r="A29" s="49" t="s">
        <v>445</v>
      </c>
      <c r="B29" s="186">
        <v>191</v>
      </c>
      <c r="C29" s="169">
        <v>4.4000000000000004</v>
      </c>
      <c r="D29" s="129">
        <v>0.19600000000000001</v>
      </c>
      <c r="E29" s="188">
        <v>0.33300000000000002</v>
      </c>
      <c r="F29" s="97">
        <v>6.7670912447744563E-2</v>
      </c>
      <c r="G29" s="188">
        <v>0.152</v>
      </c>
      <c r="H29" s="97">
        <v>5.2391702533038792E-2</v>
      </c>
      <c r="I29" s="188">
        <v>0.51400000000000001</v>
      </c>
      <c r="J29" s="97">
        <v>7.1584550482389764E-2</v>
      </c>
      <c r="K29" s="188">
        <v>2E-3</v>
      </c>
      <c r="L29" s="97">
        <v>1.5732487370183436E-2</v>
      </c>
      <c r="M29" s="186">
        <v>192</v>
      </c>
      <c r="N29" s="169">
        <v>5.4</v>
      </c>
      <c r="O29" s="129">
        <v>0.19600000000000001</v>
      </c>
      <c r="P29" s="188">
        <v>7.6999999999999999E-2</v>
      </c>
      <c r="Q29" s="97">
        <v>3.9974405533714778E-2</v>
      </c>
      <c r="R29" s="188">
        <v>0.13200000000000001</v>
      </c>
      <c r="S29" s="97">
        <v>4.9496878285141988E-2</v>
      </c>
      <c r="T29" s="188">
        <v>0.68</v>
      </c>
      <c r="U29" s="97">
        <v>6.6839581729392847E-2</v>
      </c>
      <c r="V29" s="188">
        <v>0.112</v>
      </c>
      <c r="W29" s="97">
        <v>4.6409436170997222E-2</v>
      </c>
    </row>
    <row r="30" spans="1:23">
      <c r="A30" s="45" t="s">
        <v>446</v>
      </c>
      <c r="B30" s="185">
        <v>165</v>
      </c>
      <c r="C30" s="84">
        <v>4.3</v>
      </c>
      <c r="D30" s="85">
        <v>0.19600000000000001</v>
      </c>
      <c r="E30" s="187">
        <v>0.27</v>
      </c>
      <c r="F30" s="94">
        <v>6.8728865660889329E-2</v>
      </c>
      <c r="G30" s="187">
        <v>0.25600000000000001</v>
      </c>
      <c r="H30" s="94">
        <v>6.7630902193427669E-2</v>
      </c>
      <c r="I30" s="187">
        <v>0.47099999999999997</v>
      </c>
      <c r="J30" s="94">
        <v>7.6799645511836656E-2</v>
      </c>
      <c r="K30" s="187">
        <v>3.0000000000000001E-3</v>
      </c>
      <c r="L30" s="94">
        <v>1.8554482818988548E-2</v>
      </c>
      <c r="M30" s="185">
        <v>165</v>
      </c>
      <c r="N30" s="84">
        <v>4.9000000000000004</v>
      </c>
      <c r="O30" s="85">
        <v>0.19600000000000001</v>
      </c>
      <c r="P30" s="187">
        <v>0.21199999999999999</v>
      </c>
      <c r="Q30" s="94">
        <v>6.3606757408745218E-2</v>
      </c>
      <c r="R30" s="187">
        <v>0.158</v>
      </c>
      <c r="S30" s="94">
        <v>5.7256246116004994E-2</v>
      </c>
      <c r="T30" s="187">
        <v>0.55600000000000005</v>
      </c>
      <c r="U30" s="94">
        <v>7.6461800479803277E-2</v>
      </c>
      <c r="V30" s="187">
        <v>7.3999999999999996E-2</v>
      </c>
      <c r="W30" s="94">
        <v>4.2694155528802673E-2</v>
      </c>
    </row>
    <row r="31" spans="1:23">
      <c r="A31" s="49" t="s">
        <v>447</v>
      </c>
      <c r="B31" s="186">
        <v>77</v>
      </c>
      <c r="C31" s="169">
        <v>4.7</v>
      </c>
      <c r="D31" s="129">
        <v>0.39200000000000002</v>
      </c>
      <c r="E31" s="188">
        <v>0.222</v>
      </c>
      <c r="F31" s="97">
        <v>9.4322933289645777E-2</v>
      </c>
      <c r="G31" s="188">
        <v>0.157</v>
      </c>
      <c r="H31" s="97">
        <v>8.423475405916872E-2</v>
      </c>
      <c r="I31" s="188">
        <v>0.621</v>
      </c>
      <c r="J31" s="97">
        <v>0.10813099517451812</v>
      </c>
      <c r="K31" s="188">
        <v>0</v>
      </c>
      <c r="L31" s="97">
        <v>3.4485061975244265E-2</v>
      </c>
      <c r="M31" s="186">
        <v>78</v>
      </c>
      <c r="N31" s="169">
        <v>5.4</v>
      </c>
      <c r="O31" s="129">
        <v>0.39200000000000002</v>
      </c>
      <c r="P31" s="188">
        <v>0.18099999999999999</v>
      </c>
      <c r="Q31" s="97">
        <v>8.7770420729197482E-2</v>
      </c>
      <c r="R31" s="188">
        <v>7.4999999999999997E-2</v>
      </c>
      <c r="S31" s="97">
        <v>6.4982979959758019E-2</v>
      </c>
      <c r="T31" s="188">
        <v>0.67200000000000004</v>
      </c>
      <c r="U31" s="97">
        <v>0.10435208874221565</v>
      </c>
      <c r="V31" s="188">
        <v>7.2999999999999995E-2</v>
      </c>
      <c r="W31" s="97">
        <v>6.4401687867724683E-2</v>
      </c>
    </row>
    <row r="33" spans="1:23" ht="18.75">
      <c r="A33" s="335" t="s">
        <v>49</v>
      </c>
      <c r="B33" s="335"/>
      <c r="C33" s="335"/>
      <c r="D33" s="335"/>
      <c r="E33" s="335"/>
      <c r="F33" s="335"/>
      <c r="G33" s="335"/>
      <c r="H33" s="335"/>
      <c r="I33" s="335"/>
      <c r="J33" s="335"/>
      <c r="K33" s="335"/>
      <c r="L33" s="335"/>
      <c r="M33" s="335"/>
      <c r="N33" s="335"/>
      <c r="O33" s="335"/>
      <c r="P33" s="335"/>
      <c r="Q33" s="335"/>
      <c r="R33" s="335"/>
      <c r="S33" s="335"/>
      <c r="T33" s="335"/>
      <c r="U33" s="335"/>
      <c r="V33" s="335"/>
      <c r="W33" s="335"/>
    </row>
    <row r="34" spans="1:23" ht="56.25" customHeight="1">
      <c r="A34" s="406" t="s">
        <v>496</v>
      </c>
      <c r="B34" s="406"/>
      <c r="C34" s="406"/>
      <c r="D34" s="406"/>
      <c r="E34" s="406"/>
      <c r="F34" s="406"/>
      <c r="G34" s="406"/>
      <c r="H34" s="406"/>
      <c r="I34" s="406"/>
      <c r="J34" s="406"/>
      <c r="K34" s="406"/>
      <c r="L34" s="406"/>
      <c r="M34" s="406"/>
      <c r="N34" s="406"/>
      <c r="O34" s="406"/>
      <c r="P34" s="406"/>
      <c r="Q34" s="406"/>
      <c r="R34" s="406"/>
      <c r="S34" s="406"/>
      <c r="T34" s="406"/>
      <c r="U34" s="406"/>
      <c r="V34" s="406"/>
      <c r="W34" s="406"/>
    </row>
    <row r="35" spans="1:23" ht="36" customHeight="1">
      <c r="A35" s="64"/>
      <c r="B35" s="395" t="s">
        <v>164</v>
      </c>
      <c r="C35" s="396"/>
      <c r="D35" s="396"/>
      <c r="E35" s="396"/>
      <c r="F35" s="396"/>
      <c r="G35" s="396"/>
      <c r="H35" s="396"/>
      <c r="I35" s="396"/>
      <c r="J35" s="396"/>
      <c r="K35" s="396"/>
      <c r="L35" s="397"/>
      <c r="M35" s="398" t="s">
        <v>165</v>
      </c>
      <c r="N35" s="399"/>
      <c r="O35" s="399"/>
      <c r="P35" s="399"/>
      <c r="Q35" s="399"/>
      <c r="R35" s="399"/>
      <c r="S35" s="399"/>
      <c r="T35" s="399"/>
      <c r="U35" s="399"/>
      <c r="V35" s="399"/>
      <c r="W35" s="399"/>
    </row>
    <row r="36" spans="1:23" ht="41.25" customHeight="1">
      <c r="A36" s="37" t="s">
        <v>85</v>
      </c>
      <c r="B36" s="38" t="s">
        <v>86</v>
      </c>
      <c r="C36" s="39" t="s">
        <v>87</v>
      </c>
      <c r="D36" s="40" t="s">
        <v>88</v>
      </c>
      <c r="E36" s="38" t="s">
        <v>364</v>
      </c>
      <c r="F36" s="89" t="s">
        <v>162</v>
      </c>
      <c r="G36" s="38" t="s">
        <v>365</v>
      </c>
      <c r="H36" s="89" t="s">
        <v>163</v>
      </c>
      <c r="I36" s="38" t="s">
        <v>366</v>
      </c>
      <c r="J36" s="89" t="s">
        <v>136</v>
      </c>
      <c r="K36" s="38" t="s">
        <v>353</v>
      </c>
      <c r="L36" s="89" t="s">
        <v>367</v>
      </c>
      <c r="M36" s="65" t="s">
        <v>86</v>
      </c>
      <c r="N36" s="66" t="s">
        <v>87</v>
      </c>
      <c r="O36" s="67" t="s">
        <v>88</v>
      </c>
      <c r="P36" s="65" t="s">
        <v>364</v>
      </c>
      <c r="Q36" s="88" t="s">
        <v>162</v>
      </c>
      <c r="R36" s="65" t="s">
        <v>368</v>
      </c>
      <c r="S36" s="88" t="s">
        <v>369</v>
      </c>
      <c r="T36" s="65" t="s">
        <v>366</v>
      </c>
      <c r="U36" s="88" t="s">
        <v>136</v>
      </c>
      <c r="V36" s="65" t="s">
        <v>353</v>
      </c>
      <c r="W36" s="88" t="s">
        <v>367</v>
      </c>
    </row>
    <row r="37" spans="1:23" ht="72">
      <c r="A37" s="41"/>
      <c r="B37" s="42" t="s">
        <v>89</v>
      </c>
      <c r="C37" s="125" t="s">
        <v>356</v>
      </c>
      <c r="D37" s="44" t="s">
        <v>91</v>
      </c>
      <c r="E37" s="42" t="s">
        <v>181</v>
      </c>
      <c r="F37" s="91" t="s">
        <v>104</v>
      </c>
      <c r="G37" s="42" t="s">
        <v>182</v>
      </c>
      <c r="H37" s="91" t="s">
        <v>104</v>
      </c>
      <c r="I37" s="42" t="s">
        <v>183</v>
      </c>
      <c r="J37" s="91" t="s">
        <v>104</v>
      </c>
      <c r="K37" s="42" t="s">
        <v>353</v>
      </c>
      <c r="L37" s="91" t="s">
        <v>104</v>
      </c>
      <c r="M37" s="68" t="s">
        <v>89</v>
      </c>
      <c r="N37" s="272" t="s">
        <v>356</v>
      </c>
      <c r="O37" s="70" t="s">
        <v>91</v>
      </c>
      <c r="P37" s="68" t="s">
        <v>181</v>
      </c>
      <c r="Q37" s="90" t="s">
        <v>104</v>
      </c>
      <c r="R37" s="68" t="s">
        <v>182</v>
      </c>
      <c r="S37" s="90" t="s">
        <v>104</v>
      </c>
      <c r="T37" s="68" t="s">
        <v>183</v>
      </c>
      <c r="U37" s="90" t="s">
        <v>104</v>
      </c>
      <c r="V37" s="68" t="s">
        <v>353</v>
      </c>
      <c r="W37" s="90" t="s">
        <v>104</v>
      </c>
    </row>
    <row r="38" spans="1:23">
      <c r="A38" s="45" t="s">
        <v>424</v>
      </c>
      <c r="B38" s="185">
        <v>10997</v>
      </c>
      <c r="C38" s="84">
        <v>4.3899999999999997</v>
      </c>
      <c r="D38" s="85">
        <v>3.9199999999999999E-2</v>
      </c>
      <c r="E38" s="187">
        <v>0.26700000000000002</v>
      </c>
      <c r="F38" s="94">
        <v>8.4365585026298495E-3</v>
      </c>
      <c r="G38" s="187">
        <v>0.224</v>
      </c>
      <c r="H38" s="94">
        <v>7.9512967459353778E-3</v>
      </c>
      <c r="I38" s="187">
        <v>0.504</v>
      </c>
      <c r="J38" s="94">
        <v>9.5338876527077572E-3</v>
      </c>
      <c r="K38" s="187">
        <v>6.0000000000000001E-3</v>
      </c>
      <c r="L38" s="94">
        <v>1.4943376847884457E-3</v>
      </c>
      <c r="M38" s="185">
        <v>10977</v>
      </c>
      <c r="N38" s="84">
        <v>3.88</v>
      </c>
      <c r="O38" s="85">
        <v>3.9199999999999999E-2</v>
      </c>
      <c r="P38" s="187">
        <v>0.41699999999999998</v>
      </c>
      <c r="Q38" s="94">
        <v>9.4105679895937332E-3</v>
      </c>
      <c r="R38" s="187">
        <v>0.15</v>
      </c>
      <c r="S38" s="94">
        <v>6.8173572997118521E-3</v>
      </c>
      <c r="T38" s="187">
        <v>0.40899999999999997</v>
      </c>
      <c r="U38" s="94">
        <v>9.383608132361736E-3</v>
      </c>
      <c r="V38" s="187">
        <v>2.5000000000000001E-2</v>
      </c>
      <c r="W38" s="94">
        <v>2.9897889479471949E-3</v>
      </c>
    </row>
    <row r="39" spans="1:23">
      <c r="A39" s="49" t="s">
        <v>425</v>
      </c>
      <c r="B39" s="49">
        <v>8852</v>
      </c>
      <c r="C39" s="169">
        <v>4.1399999999999997</v>
      </c>
      <c r="D39" s="129">
        <v>3.9199999999999999E-2</v>
      </c>
      <c r="E39" s="188">
        <v>0.32900000000000001</v>
      </c>
      <c r="F39" s="97">
        <v>9.9861106946665928E-3</v>
      </c>
      <c r="G39" s="188">
        <v>0.24099999999999999</v>
      </c>
      <c r="H39" s="97">
        <v>9.0910178186695816E-3</v>
      </c>
      <c r="I39" s="188">
        <v>0.42899999999999999</v>
      </c>
      <c r="J39" s="97">
        <v>1.0518696579988291E-2</v>
      </c>
      <c r="K39" s="188">
        <v>1E-3</v>
      </c>
      <c r="L39" s="97">
        <v>7.4350009514959753E-4</v>
      </c>
      <c r="M39" s="49">
        <v>8830</v>
      </c>
      <c r="N39" s="169">
        <v>3.23</v>
      </c>
      <c r="O39" s="129">
        <v>3.9199999999999999E-2</v>
      </c>
      <c r="P39" s="188">
        <v>0.55700000000000005</v>
      </c>
      <c r="Q39" s="97">
        <v>1.0570203476782556E-2</v>
      </c>
      <c r="R39" s="188">
        <v>0.15</v>
      </c>
      <c r="S39" s="97">
        <v>7.6014282557568319E-3</v>
      </c>
      <c r="T39" s="188">
        <v>0.26300000000000001</v>
      </c>
      <c r="U39" s="97">
        <v>9.3695747639774892E-3</v>
      </c>
      <c r="V39" s="188">
        <v>0.03</v>
      </c>
      <c r="W39" s="97">
        <v>3.6423787895321488E-3</v>
      </c>
    </row>
    <row r="40" spans="1:23">
      <c r="A40" s="45" t="s">
        <v>426</v>
      </c>
      <c r="B40" s="53">
        <v>1980</v>
      </c>
      <c r="C40" s="84">
        <v>4.99</v>
      </c>
      <c r="D40" s="85">
        <v>5.8799999999999998E-2</v>
      </c>
      <c r="E40" s="187">
        <v>0.13</v>
      </c>
      <c r="F40" s="94">
        <v>1.51372390937506E-2</v>
      </c>
      <c r="G40" s="187">
        <v>0.1817</v>
      </c>
      <c r="H40" s="94">
        <v>1.7337565612587019E-2</v>
      </c>
      <c r="I40" s="187">
        <v>0.67730000000000001</v>
      </c>
      <c r="J40" s="94">
        <v>2.0997855949697764E-2</v>
      </c>
      <c r="K40" s="187">
        <v>1.0999999999999999E-2</v>
      </c>
      <c r="L40" s="94">
        <v>4.8862516158485131E-3</v>
      </c>
      <c r="M40" s="53">
        <v>1983</v>
      </c>
      <c r="N40" s="84">
        <v>5.2</v>
      </c>
      <c r="O40" s="85">
        <v>7.8399999999999997E-2</v>
      </c>
      <c r="P40" s="187">
        <v>0.1368</v>
      </c>
      <c r="Q40" s="94">
        <v>1.5452662235919977E-2</v>
      </c>
      <c r="R40" s="187">
        <v>0.14319999999999999</v>
      </c>
      <c r="S40" s="94">
        <v>1.5748769975711965E-2</v>
      </c>
      <c r="T40" s="187">
        <v>0.70199999999999996</v>
      </c>
      <c r="U40" s="94">
        <v>2.0529484289342082E-2</v>
      </c>
      <c r="V40" s="187">
        <v>1.7999999999999999E-2</v>
      </c>
      <c r="W40" s="94">
        <v>6.120815910818438E-3</v>
      </c>
    </row>
    <row r="41" spans="1:23">
      <c r="A41" s="49" t="s">
        <v>427</v>
      </c>
      <c r="B41" s="49">
        <v>8497</v>
      </c>
      <c r="C41" s="169">
        <v>4.4000000000000004</v>
      </c>
      <c r="D41" s="129">
        <v>3.9199999999999999E-2</v>
      </c>
      <c r="E41" s="188">
        <v>0.26500000000000001</v>
      </c>
      <c r="F41" s="97">
        <v>9.5745751558567963E-3</v>
      </c>
      <c r="G41" s="188">
        <v>0.223</v>
      </c>
      <c r="H41" s="97">
        <v>9.0312607192111934E-3</v>
      </c>
      <c r="I41" s="188">
        <v>0.505</v>
      </c>
      <c r="J41" s="97">
        <v>1.0845343118901955E-2</v>
      </c>
      <c r="K41" s="188">
        <v>6.0000000000000001E-3</v>
      </c>
      <c r="L41" s="97">
        <v>1.7071298679170325E-3</v>
      </c>
      <c r="M41" s="49">
        <v>8483</v>
      </c>
      <c r="N41" s="169">
        <v>3.89</v>
      </c>
      <c r="O41" s="129">
        <v>3.9199999999999999E-2</v>
      </c>
      <c r="P41" s="188">
        <v>0.41499999999999998</v>
      </c>
      <c r="Q41" s="97">
        <v>1.0696974633903783E-2</v>
      </c>
      <c r="R41" s="188">
        <v>0.15</v>
      </c>
      <c r="S41" s="97">
        <v>7.7554055237985774E-3</v>
      </c>
      <c r="T41" s="188">
        <v>0.41099999999999998</v>
      </c>
      <c r="U41" s="97">
        <v>1.0681645207887318E-2</v>
      </c>
      <c r="V41" s="188">
        <v>2.4E-2</v>
      </c>
      <c r="W41" s="97">
        <v>3.3377506477723067E-3</v>
      </c>
    </row>
    <row r="42" spans="1:23">
      <c r="A42" s="45" t="s">
        <v>428</v>
      </c>
      <c r="B42" s="53">
        <v>2502</v>
      </c>
      <c r="C42" s="84">
        <v>3.76</v>
      </c>
      <c r="D42" s="85">
        <v>5.8799999999999998E-2</v>
      </c>
      <c r="E42" s="187">
        <v>0.437</v>
      </c>
      <c r="F42" s="94">
        <v>1.9817348735395139E-2</v>
      </c>
      <c r="G42" s="187">
        <v>0.23400000000000001</v>
      </c>
      <c r="H42" s="94">
        <v>1.6925247452204143E-2</v>
      </c>
      <c r="I42" s="187">
        <v>0.32900000000000001</v>
      </c>
      <c r="J42" s="94">
        <v>1.8775451899831305E-2</v>
      </c>
      <c r="K42" s="187">
        <v>0</v>
      </c>
      <c r="L42" s="94">
        <v>1.128211587152187E-3</v>
      </c>
      <c r="M42" s="53">
        <v>2496</v>
      </c>
      <c r="N42" s="84">
        <v>2.5</v>
      </c>
      <c r="O42" s="85">
        <v>7.8399999999999997E-2</v>
      </c>
      <c r="P42" s="187">
        <v>0.72099999999999997</v>
      </c>
      <c r="Q42" s="94">
        <v>1.7947263464586014E-2</v>
      </c>
      <c r="R42" s="187">
        <v>9.8000000000000004E-2</v>
      </c>
      <c r="S42" s="94">
        <v>1.1927294351612858E-2</v>
      </c>
      <c r="T42" s="187">
        <v>0.14699999999999999</v>
      </c>
      <c r="U42" s="94">
        <v>1.4186722231774893E-2</v>
      </c>
      <c r="V42" s="187">
        <v>3.4000000000000002E-2</v>
      </c>
      <c r="W42" s="94">
        <v>7.3253907233009766E-3</v>
      </c>
    </row>
    <row r="43" spans="1:23">
      <c r="A43" s="49" t="s">
        <v>429</v>
      </c>
      <c r="B43" s="49">
        <v>614</v>
      </c>
      <c r="C43" s="169">
        <v>3.9</v>
      </c>
      <c r="D43" s="129">
        <v>0.1176</v>
      </c>
      <c r="E43" s="188">
        <v>0.39200000000000002</v>
      </c>
      <c r="F43" s="97">
        <v>3.9288700060249204E-2</v>
      </c>
      <c r="G43" s="188">
        <v>0.24399999999999999</v>
      </c>
      <c r="H43" s="97">
        <v>3.4632571322960264E-2</v>
      </c>
      <c r="I43" s="188">
        <v>0.36399999999999999</v>
      </c>
      <c r="J43" s="97">
        <v>3.8729219759811376E-2</v>
      </c>
      <c r="K43" s="188">
        <v>0</v>
      </c>
      <c r="L43" s="97">
        <v>4.5693311860123117E-3</v>
      </c>
      <c r="M43" s="49">
        <v>611</v>
      </c>
      <c r="N43" s="169">
        <v>2.63</v>
      </c>
      <c r="O43" s="129">
        <v>0.13720000000000002</v>
      </c>
      <c r="P43" s="188">
        <v>0.69299999999999995</v>
      </c>
      <c r="Q43" s="97">
        <v>3.7240939453371605E-2</v>
      </c>
      <c r="R43" s="188">
        <v>0.124</v>
      </c>
      <c r="S43" s="97">
        <v>2.6803355789045066E-2</v>
      </c>
      <c r="T43" s="188">
        <v>0.154</v>
      </c>
      <c r="U43" s="97">
        <v>2.9282611391321489E-2</v>
      </c>
      <c r="V43" s="188">
        <v>2.8000000000000001E-2</v>
      </c>
      <c r="W43" s="97">
        <v>1.3992931746766916E-2</v>
      </c>
    </row>
    <row r="44" spans="1:23">
      <c r="A44" s="45" t="s">
        <v>430</v>
      </c>
      <c r="B44" s="53">
        <v>1584</v>
      </c>
      <c r="C44" s="84">
        <v>3.66</v>
      </c>
      <c r="D44" s="85">
        <v>7.8399999999999997E-2</v>
      </c>
      <c r="E44" s="187">
        <v>0.46</v>
      </c>
      <c r="F44" s="94">
        <v>2.5014255396715906E-2</v>
      </c>
      <c r="G44" s="187">
        <v>0.24399999999999999</v>
      </c>
      <c r="H44" s="94">
        <v>2.1574879293232416E-2</v>
      </c>
      <c r="I44" s="187">
        <v>0.29599999999999999</v>
      </c>
      <c r="J44" s="94">
        <v>2.2922132361711884E-2</v>
      </c>
      <c r="K44" s="187">
        <v>0</v>
      </c>
      <c r="L44" s="94">
        <v>1.7800034245539029E-3</v>
      </c>
      <c r="M44" s="53">
        <v>1579</v>
      </c>
      <c r="N44" s="84">
        <v>2.38</v>
      </c>
      <c r="O44" s="85">
        <v>7.8399999999999997E-2</v>
      </c>
      <c r="P44" s="187">
        <v>0.74299999999999999</v>
      </c>
      <c r="Q44" s="94">
        <v>2.1983111799724456E-2</v>
      </c>
      <c r="R44" s="187">
        <v>8.3000000000000004E-2</v>
      </c>
      <c r="S44" s="94">
        <v>1.3947711376682348E-2</v>
      </c>
      <c r="T44" s="187">
        <v>0.13600000000000001</v>
      </c>
      <c r="U44" s="94">
        <v>1.7280177789389867E-2</v>
      </c>
      <c r="V44" s="187">
        <v>3.7999999999999999E-2</v>
      </c>
      <c r="W44" s="94">
        <v>9.7515981040135705E-3</v>
      </c>
    </row>
    <row r="45" spans="1:23">
      <c r="A45" s="49" t="s">
        <v>431</v>
      </c>
      <c r="B45" s="49">
        <v>237</v>
      </c>
      <c r="C45" s="169">
        <v>3.98</v>
      </c>
      <c r="D45" s="129">
        <v>0.21559999999999999</v>
      </c>
      <c r="E45" s="188">
        <v>0.44400000000000001</v>
      </c>
      <c r="F45" s="97">
        <v>6.4023755405582639E-2</v>
      </c>
      <c r="G45" s="188">
        <v>0.16300000000000001</v>
      </c>
      <c r="H45" s="97">
        <v>4.8233463981978357E-2</v>
      </c>
      <c r="I45" s="188">
        <v>0.39300000000000002</v>
      </c>
      <c r="J45" s="97">
        <v>6.2973075436367459E-2</v>
      </c>
      <c r="K45" s="188">
        <v>0</v>
      </c>
      <c r="L45" s="97">
        <v>1.1687412705652454E-2</v>
      </c>
      <c r="M45" s="49">
        <v>239</v>
      </c>
      <c r="N45" s="169">
        <v>2.7</v>
      </c>
      <c r="O45" s="129">
        <v>0.21559999999999999</v>
      </c>
      <c r="P45" s="188">
        <v>0.69399999999999995</v>
      </c>
      <c r="Q45" s="97">
        <v>5.9295291919786809E-2</v>
      </c>
      <c r="R45" s="188">
        <v>9.2999999999999999E-2</v>
      </c>
      <c r="S45" s="97">
        <v>3.8438573847383334E-2</v>
      </c>
      <c r="T45" s="188">
        <v>0.191</v>
      </c>
      <c r="U45" s="97">
        <v>5.0939572971417171E-2</v>
      </c>
      <c r="V45" s="188">
        <v>2.1000000000000001E-2</v>
      </c>
      <c r="W45" s="97">
        <v>2.1488036105877229E-2</v>
      </c>
    </row>
    <row r="46" spans="1:23">
      <c r="A46" s="45" t="s">
        <v>432</v>
      </c>
      <c r="B46" s="53">
        <v>548</v>
      </c>
      <c r="C46" s="84">
        <v>3.63</v>
      </c>
      <c r="D46" s="85">
        <v>0.13720000000000002</v>
      </c>
      <c r="E46" s="187">
        <v>0.47</v>
      </c>
      <c r="F46" s="94">
        <v>4.2487252667949206E-2</v>
      </c>
      <c r="G46" s="187">
        <v>0.24299999999999999</v>
      </c>
      <c r="H46" s="94">
        <v>3.660450234172654E-2</v>
      </c>
      <c r="I46" s="187">
        <v>0.28699999999999998</v>
      </c>
      <c r="J46" s="94">
        <v>3.8569168002320478E-2</v>
      </c>
      <c r="K46" s="187">
        <v>0</v>
      </c>
      <c r="L46" s="94">
        <v>5.1146712189608689E-3</v>
      </c>
      <c r="M46" s="53">
        <v>555</v>
      </c>
      <c r="N46" s="84">
        <v>2.2599999999999998</v>
      </c>
      <c r="O46" s="85">
        <v>0.13720000000000002</v>
      </c>
      <c r="P46" s="187">
        <v>0.78700000000000003</v>
      </c>
      <c r="Q46" s="94">
        <v>3.4755016621943066E-2</v>
      </c>
      <c r="R46" s="187">
        <v>8.6999999999999994E-2</v>
      </c>
      <c r="S46" s="94">
        <v>2.4202976704547657E-2</v>
      </c>
      <c r="T46" s="187">
        <v>9.9000000000000005E-2</v>
      </c>
      <c r="U46" s="94">
        <v>2.558678564296888E-2</v>
      </c>
      <c r="V46" s="187">
        <v>2.8000000000000001E-2</v>
      </c>
      <c r="W46" s="94">
        <v>1.4747223690498098E-2</v>
      </c>
    </row>
    <row r="47" spans="1:23">
      <c r="A47" s="49" t="s">
        <v>433</v>
      </c>
      <c r="B47" s="49">
        <v>720</v>
      </c>
      <c r="C47" s="169">
        <v>3.63</v>
      </c>
      <c r="D47" s="129">
        <v>0.1176</v>
      </c>
      <c r="E47" s="188">
        <v>0.45700000000000002</v>
      </c>
      <c r="F47" s="97">
        <v>3.7028537188218358E-2</v>
      </c>
      <c r="G47" s="188">
        <v>0.26100000000000001</v>
      </c>
      <c r="H47" s="97">
        <v>3.2697206843695432E-2</v>
      </c>
      <c r="I47" s="188">
        <v>0.28100000000000003</v>
      </c>
      <c r="J47" s="97">
        <v>3.3453810148501073E-2</v>
      </c>
      <c r="K47" s="188">
        <v>0</v>
      </c>
      <c r="L47" s="97">
        <v>3.9012676184243533E-3</v>
      </c>
      <c r="M47" s="49">
        <v>718</v>
      </c>
      <c r="N47" s="169">
        <v>2.34</v>
      </c>
      <c r="O47" s="129">
        <v>0.1176</v>
      </c>
      <c r="P47" s="188">
        <v>0.74</v>
      </c>
      <c r="Q47" s="97">
        <v>3.2702508582911467E-2</v>
      </c>
      <c r="R47" s="188">
        <v>9.6000000000000002E-2</v>
      </c>
      <c r="S47" s="97">
        <v>2.2153766070394144E-2</v>
      </c>
      <c r="T47" s="188">
        <v>0.11600000000000001</v>
      </c>
      <c r="U47" s="97">
        <v>2.4023688167115854E-2</v>
      </c>
      <c r="V47" s="188">
        <v>4.8000000000000001E-2</v>
      </c>
      <c r="W47" s="97">
        <v>1.6299395063770553E-2</v>
      </c>
    </row>
    <row r="48" spans="1:23">
      <c r="A48" s="45" t="s">
        <v>434</v>
      </c>
      <c r="B48" s="185">
        <v>975</v>
      </c>
      <c r="C48" s="84">
        <v>3.9</v>
      </c>
      <c r="D48" s="85">
        <v>9.8000000000000004E-2</v>
      </c>
      <c r="E48" s="187">
        <v>0.375</v>
      </c>
      <c r="F48" s="94">
        <v>3.0953681860217526E-2</v>
      </c>
      <c r="G48" s="187">
        <v>0.24099999999999999</v>
      </c>
      <c r="H48" s="94">
        <v>2.7378931344317493E-2</v>
      </c>
      <c r="I48" s="187">
        <v>0.38400000000000001</v>
      </c>
      <c r="J48" s="94">
        <v>3.1095341375040803E-2</v>
      </c>
      <c r="K48" s="187">
        <v>0</v>
      </c>
      <c r="L48" s="94">
        <v>2.8861456072676967E-3</v>
      </c>
      <c r="M48" s="185">
        <v>962</v>
      </c>
      <c r="N48" s="84">
        <v>2.8</v>
      </c>
      <c r="O48" s="85">
        <v>0.1176</v>
      </c>
      <c r="P48" s="187">
        <v>0.64100000000000001</v>
      </c>
      <c r="Q48" s="94">
        <v>3.0879670631431339E-2</v>
      </c>
      <c r="R48" s="187">
        <v>0.11600000000000001</v>
      </c>
      <c r="S48" s="94">
        <v>2.0728216573956092E-2</v>
      </c>
      <c r="T48" s="187">
        <v>0.20799999999999999</v>
      </c>
      <c r="U48" s="94">
        <v>2.6173545519038142E-2</v>
      </c>
      <c r="V48" s="187">
        <v>3.5000000000000003E-2</v>
      </c>
      <c r="W48" s="94">
        <v>1.2134848916409827E-2</v>
      </c>
    </row>
    <row r="49" spans="1:23">
      <c r="A49" s="49" t="s">
        <v>435</v>
      </c>
      <c r="B49" s="186">
        <v>736</v>
      </c>
      <c r="C49" s="169">
        <v>3.72</v>
      </c>
      <c r="D49" s="129">
        <v>0.1176</v>
      </c>
      <c r="E49" s="188">
        <v>0.443</v>
      </c>
      <c r="F49" s="97">
        <v>3.6523670917137298E-2</v>
      </c>
      <c r="G49" s="188">
        <v>0.27100000000000002</v>
      </c>
      <c r="H49" s="97">
        <v>3.2725260718901715E-2</v>
      </c>
      <c r="I49" s="188">
        <v>0.28599999999999998</v>
      </c>
      <c r="J49" s="97">
        <v>3.3263709127150307E-2</v>
      </c>
      <c r="K49" s="188">
        <v>0</v>
      </c>
      <c r="L49" s="97">
        <v>3.8170301890085622E-3</v>
      </c>
      <c r="M49" s="186">
        <v>733</v>
      </c>
      <c r="N49" s="169">
        <v>2.41</v>
      </c>
      <c r="O49" s="129">
        <v>0.13720000000000002</v>
      </c>
      <c r="P49" s="188">
        <v>0.76</v>
      </c>
      <c r="Q49" s="97">
        <v>3.1526671901667545E-2</v>
      </c>
      <c r="R49" s="188">
        <v>8.6999999999999994E-2</v>
      </c>
      <c r="S49" s="97">
        <v>2.1003000475775808E-2</v>
      </c>
      <c r="T49" s="188">
        <v>0.124</v>
      </c>
      <c r="U49" s="97">
        <v>2.4451036122394125E-2</v>
      </c>
      <c r="V49" s="188">
        <v>2.9000000000000001E-2</v>
      </c>
      <c r="W49" s="97">
        <v>1.2878833876459111E-2</v>
      </c>
    </row>
    <row r="50" spans="1:23">
      <c r="A50" s="45" t="s">
        <v>436</v>
      </c>
      <c r="B50" s="54">
        <v>133</v>
      </c>
      <c r="C50" s="84">
        <v>3.33</v>
      </c>
      <c r="D50" s="85">
        <v>0.27440000000000003</v>
      </c>
      <c r="E50" s="187">
        <v>0.53400000000000003</v>
      </c>
      <c r="F50" s="94">
        <v>8.5249401084420723E-2</v>
      </c>
      <c r="G50" s="187">
        <v>0.14199999999999999</v>
      </c>
      <c r="H50" s="94">
        <v>6.1421310003307673E-2</v>
      </c>
      <c r="I50" s="187">
        <v>0.32400000000000001</v>
      </c>
      <c r="J50" s="94">
        <v>8.0292605657693875E-2</v>
      </c>
      <c r="K50" s="187">
        <v>0</v>
      </c>
      <c r="L50" s="94">
        <v>2.0494202685054641E-2</v>
      </c>
      <c r="M50" s="54">
        <v>132</v>
      </c>
      <c r="N50" s="84">
        <v>2.97</v>
      </c>
      <c r="O50" s="85">
        <v>0.29399999999999998</v>
      </c>
      <c r="P50" s="187">
        <v>0.58199999999999996</v>
      </c>
      <c r="Q50" s="94">
        <v>8.465600162921777E-2</v>
      </c>
      <c r="R50" s="187">
        <v>9.5000000000000001E-2</v>
      </c>
      <c r="S50" s="94">
        <v>5.2993240210803247E-2</v>
      </c>
      <c r="T50" s="187">
        <v>0.23799999999999999</v>
      </c>
      <c r="U50" s="94">
        <v>7.3830987781335816E-2</v>
      </c>
      <c r="V50" s="187">
        <v>8.5000000000000006E-2</v>
      </c>
      <c r="W50" s="94">
        <v>5.0804382276510976E-2</v>
      </c>
    </row>
    <row r="51" spans="1:23">
      <c r="A51" s="49" t="s">
        <v>437</v>
      </c>
      <c r="B51" s="186">
        <v>154</v>
      </c>
      <c r="C51" s="169">
        <v>3.84</v>
      </c>
      <c r="D51" s="129">
        <v>0.25480000000000003</v>
      </c>
      <c r="E51" s="188">
        <v>0.46899999999999997</v>
      </c>
      <c r="F51" s="97">
        <v>7.9410333527250715E-2</v>
      </c>
      <c r="G51" s="188">
        <v>0.158</v>
      </c>
      <c r="H51" s="97">
        <v>5.9296137927608031E-2</v>
      </c>
      <c r="I51" s="188">
        <v>0.372</v>
      </c>
      <c r="J51" s="97">
        <v>7.7039373253984134E-2</v>
      </c>
      <c r="K51" s="188">
        <v>0</v>
      </c>
      <c r="L51" s="97">
        <v>1.7787776428620949E-2</v>
      </c>
      <c r="M51" s="186">
        <v>155</v>
      </c>
      <c r="N51" s="169">
        <v>2.7</v>
      </c>
      <c r="O51" s="129">
        <v>0.29399999999999998</v>
      </c>
      <c r="P51" s="188">
        <v>0.68500000000000005</v>
      </c>
      <c r="Q51" s="97">
        <v>7.3966736029234939E-2</v>
      </c>
      <c r="R51" s="188">
        <v>9.7000000000000003E-2</v>
      </c>
      <c r="S51" s="97">
        <v>4.9056439212713576E-2</v>
      </c>
      <c r="T51" s="188">
        <v>0.20100000000000001</v>
      </c>
      <c r="U51" s="97">
        <v>6.4435738130302928E-2</v>
      </c>
      <c r="V51" s="188">
        <v>1.7999999999999999E-2</v>
      </c>
      <c r="W51" s="97">
        <v>2.7111798898927626E-2</v>
      </c>
    </row>
    <row r="52" spans="1:23" ht="25.5">
      <c r="A52" s="45" t="s">
        <v>438</v>
      </c>
      <c r="B52" s="185">
        <v>256</v>
      </c>
      <c r="C52" s="84">
        <v>4.09</v>
      </c>
      <c r="D52" s="85">
        <v>0.19600000000000001</v>
      </c>
      <c r="E52" s="187">
        <v>0.35699999999999998</v>
      </c>
      <c r="F52" s="94">
        <v>5.9507641396844023E-2</v>
      </c>
      <c r="G52" s="187">
        <v>0.23200000000000001</v>
      </c>
      <c r="H52" s="94">
        <v>5.2677388152567332E-2</v>
      </c>
      <c r="I52" s="187">
        <v>0.41099999999999998</v>
      </c>
      <c r="J52" s="94">
        <v>6.1057456960828628E-2</v>
      </c>
      <c r="K52" s="187">
        <v>0</v>
      </c>
      <c r="L52" s="94">
        <v>1.0836644452735043E-2</v>
      </c>
      <c r="M52" s="185">
        <v>256</v>
      </c>
      <c r="N52" s="84">
        <v>2.62</v>
      </c>
      <c r="O52" s="85">
        <v>0.21559999999999999</v>
      </c>
      <c r="P52" s="187">
        <v>0.68500000000000005</v>
      </c>
      <c r="Q52" s="94">
        <v>5.7755449470672453E-2</v>
      </c>
      <c r="R52" s="187">
        <v>0.16300000000000001</v>
      </c>
      <c r="S52" s="94">
        <v>4.6392729956409931E-2</v>
      </c>
      <c r="T52" s="187">
        <v>0.13</v>
      </c>
      <c r="U52" s="94">
        <v>4.2477126030088928E-2</v>
      </c>
      <c r="V52" s="187">
        <v>2.1999999999999999E-2</v>
      </c>
      <c r="W52" s="94">
        <v>2.0936606833237729E-2</v>
      </c>
    </row>
    <row r="53" spans="1:23">
      <c r="A53" s="49" t="s">
        <v>439</v>
      </c>
      <c r="B53" s="186">
        <v>406</v>
      </c>
      <c r="C53" s="169">
        <v>3.82</v>
      </c>
      <c r="D53" s="129">
        <v>0.15679999999999999</v>
      </c>
      <c r="E53" s="188">
        <v>0.41699999999999998</v>
      </c>
      <c r="F53" s="97">
        <v>4.8714675888279033E-2</v>
      </c>
      <c r="G53" s="188">
        <v>0.23599999999999999</v>
      </c>
      <c r="H53" s="97">
        <v>4.2098292438067043E-2</v>
      </c>
      <c r="I53" s="188">
        <v>0.34699999999999998</v>
      </c>
      <c r="J53" s="97">
        <v>4.7064619083718388E-2</v>
      </c>
      <c r="K53" s="188">
        <v>0</v>
      </c>
      <c r="L53" s="97">
        <v>6.8817563133917476E-3</v>
      </c>
      <c r="M53" s="186">
        <v>404</v>
      </c>
      <c r="N53" s="169">
        <v>2.2799999999999998</v>
      </c>
      <c r="O53" s="129">
        <v>0.15679999999999999</v>
      </c>
      <c r="P53" s="188">
        <v>0.77100000000000002</v>
      </c>
      <c r="Q53" s="97">
        <v>4.1773427228721648E-2</v>
      </c>
      <c r="R53" s="188">
        <v>7.1999999999999995E-2</v>
      </c>
      <c r="S53" s="97">
        <v>2.6269761201033782E-2</v>
      </c>
      <c r="T53" s="188">
        <v>0.126</v>
      </c>
      <c r="U53" s="97">
        <v>3.3262653824274929E-2</v>
      </c>
      <c r="V53" s="188">
        <v>0.03</v>
      </c>
      <c r="W53" s="97">
        <v>1.809835338914708E-2</v>
      </c>
    </row>
    <row r="54" spans="1:23">
      <c r="A54" s="45" t="s">
        <v>440</v>
      </c>
      <c r="B54" s="185">
        <v>406</v>
      </c>
      <c r="C54" s="84">
        <v>3.66</v>
      </c>
      <c r="D54" s="85">
        <v>0.15679999999999999</v>
      </c>
      <c r="E54" s="187">
        <v>0.442</v>
      </c>
      <c r="F54" s="94">
        <v>4.9059577403052716E-2</v>
      </c>
      <c r="G54" s="187">
        <v>0.27</v>
      </c>
      <c r="H54" s="94">
        <v>4.3965303395645694E-2</v>
      </c>
      <c r="I54" s="187">
        <v>0.28799999999999998</v>
      </c>
      <c r="J54" s="94">
        <v>4.4822542049018005E-2</v>
      </c>
      <c r="K54" s="187">
        <v>0</v>
      </c>
      <c r="L54" s="94">
        <v>6.8817563133917476E-3</v>
      </c>
      <c r="M54" s="185">
        <v>404</v>
      </c>
      <c r="N54" s="84">
        <v>2.29</v>
      </c>
      <c r="O54" s="85">
        <v>0.1764</v>
      </c>
      <c r="P54" s="187">
        <v>0.76800000000000002</v>
      </c>
      <c r="Q54" s="94">
        <v>4.1959061540519892E-2</v>
      </c>
      <c r="R54" s="187">
        <v>7.9000000000000001E-2</v>
      </c>
      <c r="S54" s="94">
        <v>2.7335475383646571E-2</v>
      </c>
      <c r="T54" s="187">
        <v>0.109</v>
      </c>
      <c r="U54" s="94">
        <v>3.1327174857168183E-2</v>
      </c>
      <c r="V54" s="187">
        <v>4.2999999999999997E-2</v>
      </c>
      <c r="W54" s="94">
        <v>2.1056880138137626E-2</v>
      </c>
    </row>
    <row r="55" spans="1:23">
      <c r="A55" s="49" t="s">
        <v>441</v>
      </c>
      <c r="B55" s="186">
        <v>279</v>
      </c>
      <c r="C55" s="169">
        <v>3.66</v>
      </c>
      <c r="D55" s="129">
        <v>0.19600000000000001</v>
      </c>
      <c r="E55" s="188">
        <v>0.48</v>
      </c>
      <c r="F55" s="97">
        <v>5.9397591593082277E-2</v>
      </c>
      <c r="G55" s="188">
        <v>0.17299999999999999</v>
      </c>
      <c r="H55" s="97">
        <v>4.5438167652123086E-2</v>
      </c>
      <c r="I55" s="188">
        <v>0.34799999999999998</v>
      </c>
      <c r="J55" s="97">
        <v>5.6711345353197447E-2</v>
      </c>
      <c r="K55" s="188">
        <v>0</v>
      </c>
      <c r="L55" s="97">
        <v>9.9590634696518805E-3</v>
      </c>
      <c r="M55" s="186">
        <v>279</v>
      </c>
      <c r="N55" s="169">
        <v>2.69</v>
      </c>
      <c r="O55" s="129">
        <v>0.21559999999999999</v>
      </c>
      <c r="P55" s="188">
        <v>0.63800000000000001</v>
      </c>
      <c r="Q55" s="97">
        <v>5.7200971318241631E-2</v>
      </c>
      <c r="R55" s="188">
        <v>0.109</v>
      </c>
      <c r="S55" s="97">
        <v>3.7859734087244336E-2</v>
      </c>
      <c r="T55" s="188">
        <v>0.20100000000000001</v>
      </c>
      <c r="U55" s="97">
        <v>4.80147763502859E-2</v>
      </c>
      <c r="V55" s="188">
        <v>5.0999999999999997E-2</v>
      </c>
      <c r="W55" s="97">
        <v>2.7641749752661586E-2</v>
      </c>
    </row>
    <row r="56" spans="1:23">
      <c r="A56" s="45" t="s">
        <v>442</v>
      </c>
      <c r="B56" s="185">
        <v>769</v>
      </c>
      <c r="C56" s="84">
        <v>3.7</v>
      </c>
      <c r="D56" s="85">
        <v>0.19600000000000001</v>
      </c>
      <c r="E56" s="187">
        <v>0.442</v>
      </c>
      <c r="F56" s="94">
        <v>3.5727205974173136E-2</v>
      </c>
      <c r="G56" s="187">
        <v>0.24099999999999999</v>
      </c>
      <c r="H56" s="94">
        <v>3.0824079933313018E-2</v>
      </c>
      <c r="I56" s="187">
        <v>0.317</v>
      </c>
      <c r="J56" s="94">
        <v>3.3498600352223094E-2</v>
      </c>
      <c r="K56" s="187">
        <v>0</v>
      </c>
      <c r="L56" s="94">
        <v>3.654289429333869E-3</v>
      </c>
      <c r="M56" s="185">
        <v>763</v>
      </c>
      <c r="N56" s="84">
        <v>2.4</v>
      </c>
      <c r="O56" s="85">
        <v>0.19600000000000001</v>
      </c>
      <c r="P56" s="187">
        <v>0.73599999999999999</v>
      </c>
      <c r="Q56" s="94">
        <v>3.1880105274333721E-2</v>
      </c>
      <c r="R56" s="187">
        <v>0.106</v>
      </c>
      <c r="S56" s="94">
        <v>2.2419367663255991E-2</v>
      </c>
      <c r="T56" s="187">
        <v>0.126</v>
      </c>
      <c r="U56" s="94">
        <v>2.4122583191221555E-2</v>
      </c>
      <c r="V56" s="187">
        <v>3.2000000000000001E-2</v>
      </c>
      <c r="W56" s="94">
        <v>1.3169146840734955E-2</v>
      </c>
    </row>
    <row r="57" spans="1:23">
      <c r="A57" s="49" t="s">
        <v>443</v>
      </c>
      <c r="B57" s="186">
        <v>1010</v>
      </c>
      <c r="C57" s="169">
        <v>3.4</v>
      </c>
      <c r="D57" s="129">
        <v>0.19600000000000001</v>
      </c>
      <c r="E57" s="188">
        <v>0.55100000000000005</v>
      </c>
      <c r="F57" s="97">
        <v>3.1241218425964123E-2</v>
      </c>
      <c r="G57" s="188">
        <v>0.21099999999999999</v>
      </c>
      <c r="H57" s="97">
        <v>2.5677152225156746E-2</v>
      </c>
      <c r="I57" s="188">
        <v>0.23799999999999999</v>
      </c>
      <c r="J57" s="97">
        <v>2.6786945349570379E-2</v>
      </c>
      <c r="K57" s="188">
        <v>0</v>
      </c>
      <c r="L57" s="97">
        <v>2.78662364111787E-3</v>
      </c>
      <c r="M57" s="186">
        <v>1011</v>
      </c>
      <c r="N57" s="169">
        <v>3</v>
      </c>
      <c r="O57" s="129">
        <v>0.19600000000000001</v>
      </c>
      <c r="P57" s="188">
        <v>0.60899999999999999</v>
      </c>
      <c r="Q57" s="97">
        <v>3.0639326210989054E-2</v>
      </c>
      <c r="R57" s="188">
        <v>0.127</v>
      </c>
      <c r="S57" s="97">
        <v>2.1005785972427578E-2</v>
      </c>
      <c r="T57" s="188">
        <v>0.22600000000000001</v>
      </c>
      <c r="U57" s="97">
        <v>2.6299867279088323E-2</v>
      </c>
      <c r="V57" s="188">
        <v>3.7999999999999999E-2</v>
      </c>
      <c r="W57" s="97">
        <v>1.227517055442137E-2</v>
      </c>
    </row>
    <row r="58" spans="1:23">
      <c r="A58" s="45" t="s">
        <v>444</v>
      </c>
      <c r="B58" s="185">
        <v>280</v>
      </c>
      <c r="C58" s="84">
        <v>3.9</v>
      </c>
      <c r="D58" s="85">
        <v>0.19600000000000001</v>
      </c>
      <c r="E58" s="187">
        <v>0.42</v>
      </c>
      <c r="F58" s="94">
        <v>5.8596136499661416E-2</v>
      </c>
      <c r="G58" s="187">
        <v>0.219</v>
      </c>
      <c r="H58" s="94">
        <v>4.9397438173285887E-2</v>
      </c>
      <c r="I58" s="187">
        <v>0.36099999999999999</v>
      </c>
      <c r="J58" s="94">
        <v>5.7066729009616977E-2</v>
      </c>
      <c r="K58" s="187">
        <v>0</v>
      </c>
      <c r="L58" s="94">
        <v>9.9241206986027605E-3</v>
      </c>
      <c r="M58" s="185">
        <v>277</v>
      </c>
      <c r="N58" s="84">
        <v>2.2000000000000002</v>
      </c>
      <c r="O58" s="85">
        <v>0.19600000000000001</v>
      </c>
      <c r="P58" s="187">
        <v>0.78300000000000003</v>
      </c>
      <c r="Q58" s="94">
        <v>4.9506444500934665E-2</v>
      </c>
      <c r="R58" s="187">
        <v>9.5000000000000001E-2</v>
      </c>
      <c r="S58" s="94">
        <v>3.5914392921385249E-2</v>
      </c>
      <c r="T58" s="187">
        <v>8.5999999999999993E-2</v>
      </c>
      <c r="U58" s="94">
        <v>3.446569725155034E-2</v>
      </c>
      <c r="V58" s="187">
        <v>3.6999999999999998E-2</v>
      </c>
      <c r="W58" s="94">
        <v>2.4361042956387923E-2</v>
      </c>
    </row>
    <row r="59" spans="1:23">
      <c r="A59" s="49" t="s">
        <v>445</v>
      </c>
      <c r="B59" s="186">
        <v>191</v>
      </c>
      <c r="C59" s="169">
        <v>3.5</v>
      </c>
      <c r="D59" s="129">
        <v>0.19600000000000001</v>
      </c>
      <c r="E59" s="188">
        <v>0.46200000000000002</v>
      </c>
      <c r="F59" s="97">
        <v>7.1412795438320756E-2</v>
      </c>
      <c r="G59" s="188">
        <v>0.29699999999999999</v>
      </c>
      <c r="H59" s="97">
        <v>6.5705525801398018E-2</v>
      </c>
      <c r="I59" s="188">
        <v>0.24099999999999999</v>
      </c>
      <c r="J59" s="97">
        <v>6.1709462344505903E-2</v>
      </c>
      <c r="K59" s="188">
        <v>0</v>
      </c>
      <c r="L59" s="97">
        <v>1.4430179418585315E-2</v>
      </c>
      <c r="M59" s="186">
        <v>192</v>
      </c>
      <c r="N59" s="169">
        <v>2</v>
      </c>
      <c r="O59" s="129">
        <v>0.19600000000000001</v>
      </c>
      <c r="P59" s="188">
        <v>0.83799999999999997</v>
      </c>
      <c r="Q59" s="97">
        <v>5.3523109364709054E-2</v>
      </c>
      <c r="R59" s="188">
        <v>5.8000000000000003E-2</v>
      </c>
      <c r="S59" s="97">
        <v>3.5722477075735115E-2</v>
      </c>
      <c r="T59" s="188">
        <v>8.2000000000000003E-2</v>
      </c>
      <c r="U59" s="97">
        <v>4.0991492519904985E-2</v>
      </c>
      <c r="V59" s="188">
        <v>2.1999999999999999E-2</v>
      </c>
      <c r="W59" s="97">
        <v>2.5049630546460293E-2</v>
      </c>
    </row>
    <row r="60" spans="1:23">
      <c r="A60" s="45" t="s">
        <v>446</v>
      </c>
      <c r="B60" s="185">
        <v>164</v>
      </c>
      <c r="C60" s="84">
        <v>4.5999999999999996</v>
      </c>
      <c r="D60" s="85">
        <v>0.19600000000000001</v>
      </c>
      <c r="E60" s="187">
        <v>0.23499999999999999</v>
      </c>
      <c r="F60" s="94">
        <v>6.6022946503171059E-2</v>
      </c>
      <c r="G60" s="187">
        <v>0.23400000000000001</v>
      </c>
      <c r="H60" s="94">
        <v>6.5931642490396694E-2</v>
      </c>
      <c r="I60" s="187">
        <v>0.53100000000000003</v>
      </c>
      <c r="J60" s="94">
        <v>7.7010236969506568E-2</v>
      </c>
      <c r="K60" s="187">
        <v>0</v>
      </c>
      <c r="L60" s="94">
        <v>1.6735362153203526E-2</v>
      </c>
      <c r="M60" s="185">
        <v>164</v>
      </c>
      <c r="N60" s="84">
        <v>2.4</v>
      </c>
      <c r="O60" s="85">
        <v>0.19600000000000001</v>
      </c>
      <c r="P60" s="187">
        <v>0.71799999999999997</v>
      </c>
      <c r="Q60" s="94">
        <v>6.9814738956886349E-2</v>
      </c>
      <c r="R60" s="187">
        <v>6.7000000000000004E-2</v>
      </c>
      <c r="S60" s="94">
        <v>4.1211637670360284E-2</v>
      </c>
      <c r="T60" s="187">
        <v>0.17599999999999999</v>
      </c>
      <c r="U60" s="94">
        <v>5.9754128556064261E-2</v>
      </c>
      <c r="V60" s="187">
        <v>3.9E-2</v>
      </c>
      <c r="W60" s="94">
        <v>3.3622048768230731E-2</v>
      </c>
    </row>
    <row r="61" spans="1:23">
      <c r="A61" s="49" t="s">
        <v>447</v>
      </c>
      <c r="B61" s="186">
        <v>78</v>
      </c>
      <c r="C61" s="169">
        <v>4.4000000000000004</v>
      </c>
      <c r="D61" s="129">
        <v>0.39200000000000002</v>
      </c>
      <c r="E61" s="188">
        <v>0.27100000000000002</v>
      </c>
      <c r="F61" s="97">
        <v>9.9400743451868181E-2</v>
      </c>
      <c r="G61" s="188">
        <v>0.20399999999999999</v>
      </c>
      <c r="H61" s="97">
        <v>9.1257720559101418E-2</v>
      </c>
      <c r="I61" s="188">
        <v>0.52600000000000002</v>
      </c>
      <c r="J61" s="97">
        <v>0.11029635083479564</v>
      </c>
      <c r="K61" s="188">
        <v>0</v>
      </c>
      <c r="L61" s="97">
        <v>3.406977052534528E-2</v>
      </c>
      <c r="M61" s="186">
        <v>79</v>
      </c>
      <c r="N61" s="169">
        <v>2.8</v>
      </c>
      <c r="O61" s="129">
        <v>0.39200000000000002</v>
      </c>
      <c r="P61" s="188">
        <v>0.67300000000000004</v>
      </c>
      <c r="Q61" s="97">
        <v>0.10364122813104011</v>
      </c>
      <c r="R61" s="188">
        <v>8.1000000000000003E-2</v>
      </c>
      <c r="S61" s="97">
        <v>6.6206247353674377E-2</v>
      </c>
      <c r="T61" s="188">
        <v>0.216</v>
      </c>
      <c r="U61" s="97">
        <v>9.2340581021692889E-2</v>
      </c>
      <c r="V61" s="188">
        <v>3.1E-2</v>
      </c>
      <c r="W61" s="97">
        <v>4.9444719683237846E-2</v>
      </c>
    </row>
    <row r="63" spans="1:23" ht="18.75">
      <c r="A63" s="335" t="s">
        <v>50</v>
      </c>
      <c r="B63" s="335"/>
      <c r="C63" s="335"/>
      <c r="D63" s="335"/>
      <c r="E63" s="335"/>
      <c r="F63" s="335"/>
      <c r="G63" s="335"/>
      <c r="H63" s="335"/>
      <c r="I63" s="335"/>
      <c r="J63" s="335"/>
      <c r="K63" s="335"/>
      <c r="L63" s="335"/>
      <c r="M63" s="335"/>
      <c r="N63" s="335"/>
      <c r="O63" s="335"/>
      <c r="P63" s="335"/>
      <c r="Q63" s="335"/>
      <c r="R63" s="335"/>
      <c r="S63" s="335"/>
      <c r="T63" s="335"/>
      <c r="U63" s="335"/>
      <c r="V63" s="335"/>
      <c r="W63" s="335"/>
    </row>
    <row r="64" spans="1:23" ht="53.25" customHeight="1">
      <c r="A64" s="404" t="s">
        <v>497</v>
      </c>
      <c r="B64" s="404"/>
      <c r="C64" s="404"/>
      <c r="D64" s="404"/>
      <c r="E64" s="404"/>
      <c r="F64" s="404"/>
      <c r="G64" s="404"/>
      <c r="H64" s="404"/>
      <c r="I64" s="404"/>
      <c r="J64" s="404"/>
      <c r="K64" s="404"/>
      <c r="L64" s="404"/>
      <c r="M64" s="404"/>
      <c r="N64" s="404"/>
      <c r="O64" s="404"/>
      <c r="P64" s="404"/>
      <c r="Q64" s="404"/>
      <c r="R64" s="404"/>
      <c r="S64" s="404"/>
      <c r="T64" s="404"/>
      <c r="U64" s="404"/>
      <c r="V64" s="404"/>
      <c r="W64" s="404"/>
    </row>
    <row r="65" spans="1:23" ht="37.5" customHeight="1">
      <c r="A65" s="64"/>
      <c r="B65" s="395" t="s">
        <v>272</v>
      </c>
      <c r="C65" s="396"/>
      <c r="D65" s="396"/>
      <c r="E65" s="396"/>
      <c r="F65" s="396"/>
      <c r="G65" s="396"/>
      <c r="H65" s="396"/>
      <c r="I65" s="396"/>
      <c r="J65" s="396"/>
      <c r="K65" s="396"/>
      <c r="L65" s="397"/>
      <c r="M65" s="395" t="s">
        <v>273</v>
      </c>
      <c r="N65" s="396"/>
      <c r="O65" s="396"/>
      <c r="P65" s="396"/>
      <c r="Q65" s="396"/>
      <c r="R65" s="396"/>
      <c r="S65" s="396"/>
      <c r="T65" s="396"/>
      <c r="U65" s="396"/>
      <c r="V65" s="396"/>
      <c r="W65" s="397"/>
    </row>
    <row r="66" spans="1:23" ht="39" customHeight="1">
      <c r="A66" s="37" t="s">
        <v>85</v>
      </c>
      <c r="B66" s="38" t="s">
        <v>86</v>
      </c>
      <c r="C66" s="39" t="s">
        <v>87</v>
      </c>
      <c r="D66" s="40" t="s">
        <v>88</v>
      </c>
      <c r="E66" s="38" t="s">
        <v>364</v>
      </c>
      <c r="F66" s="89" t="s">
        <v>162</v>
      </c>
      <c r="G66" s="38" t="s">
        <v>365</v>
      </c>
      <c r="H66" s="89" t="s">
        <v>163</v>
      </c>
      <c r="I66" s="38" t="s">
        <v>366</v>
      </c>
      <c r="J66" s="89" t="s">
        <v>136</v>
      </c>
      <c r="K66" s="38" t="s">
        <v>353</v>
      </c>
      <c r="L66" s="89" t="s">
        <v>367</v>
      </c>
      <c r="M66" s="65" t="s">
        <v>86</v>
      </c>
      <c r="N66" s="66" t="s">
        <v>87</v>
      </c>
      <c r="O66" s="67" t="s">
        <v>88</v>
      </c>
      <c r="P66" s="65" t="s">
        <v>392</v>
      </c>
      <c r="Q66" s="88" t="s">
        <v>393</v>
      </c>
      <c r="R66" s="65" t="s">
        <v>394</v>
      </c>
      <c r="S66" s="88" t="s">
        <v>395</v>
      </c>
      <c r="T66" s="65" t="s">
        <v>351</v>
      </c>
      <c r="U66" s="88" t="s">
        <v>396</v>
      </c>
      <c r="V66" s="65" t="s">
        <v>353</v>
      </c>
      <c r="W66" s="88" t="s">
        <v>367</v>
      </c>
    </row>
    <row r="67" spans="1:23" ht="72">
      <c r="A67" s="41"/>
      <c r="B67" s="42" t="s">
        <v>89</v>
      </c>
      <c r="C67" s="125" t="s">
        <v>356</v>
      </c>
      <c r="D67" s="44" t="s">
        <v>91</v>
      </c>
      <c r="E67" s="42" t="s">
        <v>181</v>
      </c>
      <c r="F67" s="91" t="s">
        <v>104</v>
      </c>
      <c r="G67" s="42" t="s">
        <v>182</v>
      </c>
      <c r="H67" s="91" t="s">
        <v>104</v>
      </c>
      <c r="I67" s="42" t="s">
        <v>183</v>
      </c>
      <c r="J67" s="91" t="s">
        <v>104</v>
      </c>
      <c r="K67" s="42" t="s">
        <v>353</v>
      </c>
      <c r="L67" s="91" t="s">
        <v>104</v>
      </c>
      <c r="M67" s="68" t="s">
        <v>89</v>
      </c>
      <c r="N67" s="272" t="s">
        <v>356</v>
      </c>
      <c r="O67" s="70" t="s">
        <v>91</v>
      </c>
      <c r="P67" s="68" t="s">
        <v>181</v>
      </c>
      <c r="Q67" s="90" t="s">
        <v>104</v>
      </c>
      <c r="R67" s="68" t="s">
        <v>182</v>
      </c>
      <c r="S67" s="90" t="s">
        <v>104</v>
      </c>
      <c r="T67" s="68" t="s">
        <v>183</v>
      </c>
      <c r="U67" s="90" t="s">
        <v>104</v>
      </c>
      <c r="V67" s="68" t="s">
        <v>353</v>
      </c>
      <c r="W67" s="90" t="s">
        <v>104</v>
      </c>
    </row>
    <row r="68" spans="1:23">
      <c r="A68" s="45" t="s">
        <v>424</v>
      </c>
      <c r="B68" s="185">
        <v>10974</v>
      </c>
      <c r="C68" s="84">
        <v>5.05</v>
      </c>
      <c r="D68" s="85">
        <v>3.9199999999999999E-2</v>
      </c>
      <c r="E68" s="187">
        <v>0.17299999999999999</v>
      </c>
      <c r="F68" s="94">
        <v>7.2220817888584603E-3</v>
      </c>
      <c r="G68" s="187">
        <v>0.15</v>
      </c>
      <c r="H68" s="94">
        <v>6.8182893901301313E-3</v>
      </c>
      <c r="I68" s="187">
        <v>0.66600000000000004</v>
      </c>
      <c r="J68" s="94">
        <v>9.0032296634387169E-3</v>
      </c>
      <c r="K68" s="187">
        <v>1.2E-2</v>
      </c>
      <c r="L68" s="94">
        <v>2.0935935476015023E-3</v>
      </c>
      <c r="M68" s="185">
        <v>11021</v>
      </c>
      <c r="N68" s="84">
        <v>3.66</v>
      </c>
      <c r="O68" s="85">
        <v>3.9199999999999999E-2</v>
      </c>
      <c r="P68" s="187">
        <v>0.16900000000000001</v>
      </c>
      <c r="Q68" s="94">
        <v>7.140151503402874E-3</v>
      </c>
      <c r="R68" s="187">
        <v>0.34299999999999997</v>
      </c>
      <c r="S68" s="94">
        <v>9.0424824045543337E-3</v>
      </c>
      <c r="T68" s="187">
        <v>0.46899999999999997</v>
      </c>
      <c r="U68" s="94">
        <v>9.5055004426834646E-3</v>
      </c>
      <c r="V68" s="187">
        <v>1.9E-2</v>
      </c>
      <c r="W68" s="94">
        <v>2.6121537351062162E-3</v>
      </c>
    </row>
    <row r="69" spans="1:23">
      <c r="A69" s="49" t="s">
        <v>425</v>
      </c>
      <c r="B69" s="49">
        <v>8828</v>
      </c>
      <c r="C69" s="169">
        <v>4.8899999999999997</v>
      </c>
      <c r="D69" s="129">
        <v>3.9199999999999999E-2</v>
      </c>
      <c r="E69" s="188">
        <v>0.20799999999999999</v>
      </c>
      <c r="F69" s="97">
        <v>8.6396565869103596E-3</v>
      </c>
      <c r="G69" s="188">
        <v>0.16</v>
      </c>
      <c r="H69" s="97">
        <v>7.8049328985811709E-3</v>
      </c>
      <c r="I69" s="188">
        <v>0.625</v>
      </c>
      <c r="J69" s="97">
        <v>1.0303130897152412E-2</v>
      </c>
      <c r="K69" s="188">
        <v>7.0000000000000001E-3</v>
      </c>
      <c r="L69" s="97">
        <v>1.8021604418710663E-3</v>
      </c>
      <c r="M69" s="49">
        <v>8875</v>
      </c>
      <c r="N69" s="169">
        <v>3.64</v>
      </c>
      <c r="O69" s="129">
        <v>3.9199999999999999E-2</v>
      </c>
      <c r="P69" s="188">
        <v>0.18</v>
      </c>
      <c r="Q69" s="97">
        <v>8.1569313846374756E-3</v>
      </c>
      <c r="R69" s="188">
        <v>0.31899999999999995</v>
      </c>
      <c r="S69" s="97">
        <v>9.8934180736553867E-3</v>
      </c>
      <c r="T69" s="188">
        <v>0.495</v>
      </c>
      <c r="U69" s="97">
        <v>1.0611976406735786E-2</v>
      </c>
      <c r="V69" s="188">
        <v>7.0000000000000001E-3</v>
      </c>
      <c r="W69" s="97">
        <v>1.797238361110935E-3</v>
      </c>
    </row>
    <row r="70" spans="1:23">
      <c r="A70" s="45" t="s">
        <v>426</v>
      </c>
      <c r="B70" s="53">
        <v>1981</v>
      </c>
      <c r="C70" s="84">
        <v>5.38</v>
      </c>
      <c r="D70" s="85">
        <v>5.8799999999999998E-2</v>
      </c>
      <c r="E70" s="187">
        <v>0.1065</v>
      </c>
      <c r="F70" s="94">
        <v>1.3892800854297369E-2</v>
      </c>
      <c r="G70" s="187">
        <v>0.13109999999999999</v>
      </c>
      <c r="H70" s="94">
        <v>1.5187207907680907E-2</v>
      </c>
      <c r="I70" s="187">
        <v>0.74199999999999999</v>
      </c>
      <c r="J70" s="94">
        <v>1.96529992525457E-2</v>
      </c>
      <c r="K70" s="187">
        <v>2.0400000000000001E-2</v>
      </c>
      <c r="L70" s="94">
        <v>6.4912144846174221E-3</v>
      </c>
      <c r="M70" s="53">
        <v>1984</v>
      </c>
      <c r="N70" s="84">
        <v>3.65</v>
      </c>
      <c r="O70" s="85">
        <v>7.8399999999999997E-2</v>
      </c>
      <c r="P70" s="187">
        <v>0.15229999999999999</v>
      </c>
      <c r="Q70" s="94">
        <v>1.6147628833673031E-2</v>
      </c>
      <c r="R70" s="187">
        <v>0.36819999999999997</v>
      </c>
      <c r="S70" s="94">
        <v>2.163807816512426E-2</v>
      </c>
      <c r="T70" s="187">
        <v>0.44189999999999996</v>
      </c>
      <c r="U70" s="94">
        <v>2.2276746647629256E-2</v>
      </c>
      <c r="V70" s="187">
        <v>3.7499999999999999E-2</v>
      </c>
      <c r="W70" s="94">
        <v>8.6228457202624908E-3</v>
      </c>
    </row>
    <row r="71" spans="1:23">
      <c r="A71" s="49" t="s">
        <v>427</v>
      </c>
      <c r="B71" s="49">
        <v>8472</v>
      </c>
      <c r="C71" s="169">
        <v>5.05</v>
      </c>
      <c r="D71" s="129">
        <v>3.9199999999999999E-2</v>
      </c>
      <c r="E71" s="188">
        <v>0.17199999999999999</v>
      </c>
      <c r="F71" s="97">
        <v>8.2010346576427331E-3</v>
      </c>
      <c r="G71" s="188">
        <v>0.15</v>
      </c>
      <c r="H71" s="97">
        <v>7.7604408591519999E-3</v>
      </c>
      <c r="I71" s="188">
        <v>0.66700000000000004</v>
      </c>
      <c r="J71" s="97">
        <v>1.0238710943527204E-2</v>
      </c>
      <c r="K71" s="188">
        <v>1.2E-2</v>
      </c>
      <c r="L71" s="97">
        <v>2.3877061580909395E-3</v>
      </c>
      <c r="M71" s="49">
        <v>8506</v>
      </c>
      <c r="N71" s="169">
        <v>3.66</v>
      </c>
      <c r="O71" s="129">
        <v>3.9199999999999999E-2</v>
      </c>
      <c r="P71" s="188">
        <v>0.16900000000000001</v>
      </c>
      <c r="Q71" s="97">
        <v>8.1277106727402886E-3</v>
      </c>
      <c r="R71" s="188">
        <v>0.34299999999999997</v>
      </c>
      <c r="S71" s="97">
        <v>1.0292414839129366E-2</v>
      </c>
      <c r="T71" s="188">
        <v>0.46899999999999997</v>
      </c>
      <c r="U71" s="97">
        <v>1.0819313001151807E-2</v>
      </c>
      <c r="V71" s="188">
        <v>0.02</v>
      </c>
      <c r="W71" s="97">
        <v>3.0519621583409394E-3</v>
      </c>
    </row>
    <row r="72" spans="1:23">
      <c r="A72" s="45" t="s">
        <v>428</v>
      </c>
      <c r="B72" s="53">
        <v>2504</v>
      </c>
      <c r="C72" s="84">
        <v>4.38</v>
      </c>
      <c r="D72" s="85">
        <v>7.8399999999999997E-2</v>
      </c>
      <c r="E72" s="187">
        <v>0.315</v>
      </c>
      <c r="F72" s="94">
        <v>1.8555665792633964E-2</v>
      </c>
      <c r="G72" s="187">
        <v>0.16300000000000001</v>
      </c>
      <c r="H72" s="94">
        <v>1.4770599525138598E-2</v>
      </c>
      <c r="I72" s="187">
        <v>0.51200000000000001</v>
      </c>
      <c r="J72" s="94">
        <v>1.9962343295880928E-2</v>
      </c>
      <c r="K72" s="187">
        <v>1.0999999999999999E-2</v>
      </c>
      <c r="L72" s="94">
        <v>4.3088755551594559E-3</v>
      </c>
      <c r="M72" s="53">
        <v>2517</v>
      </c>
      <c r="N72" s="84">
        <v>3.49</v>
      </c>
      <c r="O72" s="85">
        <v>7.8399999999999997E-2</v>
      </c>
      <c r="P72" s="187">
        <v>0.17</v>
      </c>
      <c r="Q72" s="94">
        <v>1.4980897686946567E-2</v>
      </c>
      <c r="R72" s="187">
        <v>0.29599999999999999</v>
      </c>
      <c r="S72" s="94">
        <v>1.8189184188334356E-2</v>
      </c>
      <c r="T72" s="187">
        <v>0.52500000000000002</v>
      </c>
      <c r="U72" s="94">
        <v>1.9891693324962923E-2</v>
      </c>
      <c r="V72" s="187">
        <v>0.01</v>
      </c>
      <c r="W72" s="94">
        <v>4.112907752174327E-3</v>
      </c>
    </row>
    <row r="73" spans="1:23">
      <c r="A73" s="49" t="s">
        <v>429</v>
      </c>
      <c r="B73" s="49">
        <v>614</v>
      </c>
      <c r="C73" s="169">
        <v>4.6100000000000003</v>
      </c>
      <c r="D73" s="129">
        <v>0.13720000000000002</v>
      </c>
      <c r="E73" s="188">
        <v>0.24399999999999999</v>
      </c>
      <c r="F73" s="97">
        <v>3.4632571322960264E-2</v>
      </c>
      <c r="G73" s="188">
        <v>0.187</v>
      </c>
      <c r="H73" s="97">
        <v>3.1499227184189231E-2</v>
      </c>
      <c r="I73" s="188">
        <v>0.56699999999999995</v>
      </c>
      <c r="J73" s="97">
        <v>3.986781735527007E-2</v>
      </c>
      <c r="K73" s="188">
        <v>3.0000000000000001E-3</v>
      </c>
      <c r="L73" s="97">
        <v>6.3236237218018852E-3</v>
      </c>
      <c r="M73" s="49">
        <v>621</v>
      </c>
      <c r="N73" s="169">
        <v>3.4</v>
      </c>
      <c r="O73" s="129">
        <v>0.13720000000000002</v>
      </c>
      <c r="P73" s="188">
        <v>0.13500000000000001</v>
      </c>
      <c r="Q73" s="97">
        <v>2.7536137489953091E-2</v>
      </c>
      <c r="R73" s="188">
        <v>0.29499999999999998</v>
      </c>
      <c r="S73" s="97">
        <v>3.6530421177402267E-2</v>
      </c>
      <c r="T73" s="188">
        <v>0.55699999999999994</v>
      </c>
      <c r="U73" s="97">
        <v>3.9742567938850455E-2</v>
      </c>
      <c r="V73" s="188">
        <v>1.2999999999999999E-2</v>
      </c>
      <c r="W73" s="97">
        <v>1.0073981936139452E-2</v>
      </c>
    </row>
    <row r="74" spans="1:23">
      <c r="A74" s="45" t="s">
        <v>430</v>
      </c>
      <c r="B74" s="53">
        <v>1582</v>
      </c>
      <c r="C74" s="84">
        <v>4.21</v>
      </c>
      <c r="D74" s="85">
        <v>9.8000000000000004E-2</v>
      </c>
      <c r="E74" s="187">
        <v>0.36399999999999999</v>
      </c>
      <c r="F74" s="94">
        <v>2.4168240636591384E-2</v>
      </c>
      <c r="G74" s="187">
        <v>0.153</v>
      </c>
      <c r="H74" s="94">
        <v>1.8120904963763378E-2</v>
      </c>
      <c r="I74" s="187">
        <v>0.46700000000000003</v>
      </c>
      <c r="J74" s="94">
        <v>2.505562468220086E-2</v>
      </c>
      <c r="K74" s="187">
        <v>1.6E-2</v>
      </c>
      <c r="L74" s="94">
        <v>6.5332844777629242E-3</v>
      </c>
      <c r="M74" s="53">
        <v>1589</v>
      </c>
      <c r="N74" s="84">
        <v>3.52</v>
      </c>
      <c r="O74" s="85">
        <v>9.8000000000000004E-2</v>
      </c>
      <c r="P74" s="187">
        <v>0.18</v>
      </c>
      <c r="Q74" s="94">
        <v>1.9284997321041091E-2</v>
      </c>
      <c r="R74" s="187">
        <v>0.30299999999999999</v>
      </c>
      <c r="S74" s="94">
        <v>2.3038800372919926E-2</v>
      </c>
      <c r="T74" s="187">
        <v>0.51</v>
      </c>
      <c r="U74" s="94">
        <v>2.5049881263762137E-2</v>
      </c>
      <c r="V74" s="187">
        <v>7.0000000000000001E-3</v>
      </c>
      <c r="W74" s="94">
        <v>4.5293359533204788E-3</v>
      </c>
    </row>
    <row r="75" spans="1:23">
      <c r="A75" s="49" t="s">
        <v>431</v>
      </c>
      <c r="B75" s="49">
        <v>239</v>
      </c>
      <c r="C75" s="169">
        <v>4.33</v>
      </c>
      <c r="D75" s="129">
        <v>0.21559999999999999</v>
      </c>
      <c r="E75" s="188">
        <v>0.32400000000000001</v>
      </c>
      <c r="F75" s="97">
        <v>6.0182902663190797E-2</v>
      </c>
      <c r="G75" s="188">
        <v>0.17</v>
      </c>
      <c r="H75" s="97">
        <v>4.8797166059551249E-2</v>
      </c>
      <c r="I75" s="188">
        <v>0.50600000000000001</v>
      </c>
      <c r="J75" s="97">
        <v>6.4145561760011113E-2</v>
      </c>
      <c r="K75" s="188">
        <v>0</v>
      </c>
      <c r="L75" s="97">
        <v>1.159161916892641E-2</v>
      </c>
      <c r="M75" s="49">
        <v>239</v>
      </c>
      <c r="N75" s="169">
        <v>3.79</v>
      </c>
      <c r="O75" s="129">
        <v>0.23519999999999999</v>
      </c>
      <c r="P75" s="188">
        <v>0.24399999999999999</v>
      </c>
      <c r="Q75" s="97">
        <v>5.5422627052989129E-2</v>
      </c>
      <c r="R75" s="188">
        <v>0.28199999999999997</v>
      </c>
      <c r="S75" s="97">
        <v>5.7952399789377183E-2</v>
      </c>
      <c r="T75" s="188">
        <v>0.47400000000000003</v>
      </c>
      <c r="U75" s="97">
        <v>6.4066075969338276E-2</v>
      </c>
      <c r="V75" s="188">
        <v>0</v>
      </c>
      <c r="W75" s="97">
        <v>1.159161916892641E-2</v>
      </c>
    </row>
    <row r="76" spans="1:23">
      <c r="A76" s="45" t="s">
        <v>432</v>
      </c>
      <c r="B76" s="53">
        <v>553</v>
      </c>
      <c r="C76" s="84">
        <v>4.26</v>
      </c>
      <c r="D76" s="85">
        <v>0.15679999999999999</v>
      </c>
      <c r="E76" s="187">
        <v>0.33400000000000002</v>
      </c>
      <c r="F76" s="94">
        <v>4.0003442964492895E-2</v>
      </c>
      <c r="G76" s="187">
        <v>0.17199999999999999</v>
      </c>
      <c r="H76" s="94">
        <v>3.2152648015284002E-2</v>
      </c>
      <c r="I76" s="187">
        <v>0.48099999999999998</v>
      </c>
      <c r="J76" s="94">
        <v>4.2341194807794073E-2</v>
      </c>
      <c r="K76" s="187">
        <v>1.4E-2</v>
      </c>
      <c r="L76" s="94">
        <v>1.1108804529593706E-2</v>
      </c>
      <c r="M76" s="53">
        <v>554</v>
      </c>
      <c r="N76" s="84">
        <v>3.71</v>
      </c>
      <c r="O76" s="85">
        <v>0.13720000000000002</v>
      </c>
      <c r="P76" s="187">
        <v>0.17</v>
      </c>
      <c r="Q76" s="94">
        <v>3.197845312887334E-2</v>
      </c>
      <c r="R76" s="187">
        <v>0.34399999999999997</v>
      </c>
      <c r="S76" s="94">
        <v>4.0251151739046982E-2</v>
      </c>
      <c r="T76" s="187">
        <v>0.47699999999999998</v>
      </c>
      <c r="U76" s="94">
        <v>4.2289203740627376E-2</v>
      </c>
      <c r="V76" s="187">
        <v>0.01</v>
      </c>
      <c r="W76" s="94">
        <v>9.7752360423307601E-3</v>
      </c>
    </row>
    <row r="77" spans="1:23">
      <c r="A77" s="49" t="s">
        <v>433</v>
      </c>
      <c r="B77" s="49">
        <v>716</v>
      </c>
      <c r="C77" s="169">
        <v>4.3600000000000003</v>
      </c>
      <c r="D77" s="129">
        <v>0.13720000000000002</v>
      </c>
      <c r="E77" s="188">
        <v>0.32700000000000001</v>
      </c>
      <c r="F77" s="97">
        <v>3.4992270631437429E-2</v>
      </c>
      <c r="G77" s="188">
        <v>0.154</v>
      </c>
      <c r="H77" s="97">
        <v>2.7040143289346074E-2</v>
      </c>
      <c r="I77" s="188">
        <v>0.51300000000000001</v>
      </c>
      <c r="J77" s="97">
        <v>3.7255340598640531E-2</v>
      </c>
      <c r="K77" s="188">
        <v>7.0000000000000001E-3</v>
      </c>
      <c r="L77" s="97">
        <v>7.3197005600938074E-3</v>
      </c>
      <c r="M77" s="49">
        <v>724</v>
      </c>
      <c r="N77" s="169">
        <v>3.38</v>
      </c>
      <c r="O77" s="129">
        <v>0.1176</v>
      </c>
      <c r="P77" s="188">
        <v>0.13800000000000001</v>
      </c>
      <c r="Q77" s="97">
        <v>2.5719544861144961E-2</v>
      </c>
      <c r="R77" s="188">
        <v>0.314</v>
      </c>
      <c r="S77" s="97">
        <v>3.44328564167573E-2</v>
      </c>
      <c r="T77" s="188">
        <v>0.53899999999999992</v>
      </c>
      <c r="U77" s="97">
        <v>3.6950789101251991E-2</v>
      </c>
      <c r="V77" s="188">
        <v>8.9999999999999993E-3</v>
      </c>
      <c r="W77" s="97">
        <v>7.9700550901701892E-3</v>
      </c>
    </row>
    <row r="78" spans="1:23">
      <c r="A78" s="45" t="s">
        <v>434</v>
      </c>
      <c r="B78" s="185">
        <v>974</v>
      </c>
      <c r="C78" s="84">
        <v>4.57</v>
      </c>
      <c r="D78" s="85">
        <v>0.1176</v>
      </c>
      <c r="E78" s="187">
        <v>0.27600000000000002</v>
      </c>
      <c r="F78" s="94">
        <v>2.8617325560531735E-2</v>
      </c>
      <c r="G78" s="187">
        <v>0.156</v>
      </c>
      <c r="H78" s="94">
        <v>2.3290641996192976E-2</v>
      </c>
      <c r="I78" s="187">
        <v>0.54900000000000004</v>
      </c>
      <c r="J78" s="94">
        <v>3.1823811994946584E-2</v>
      </c>
      <c r="K78" s="187">
        <v>1.9E-2</v>
      </c>
      <c r="L78" s="94">
        <v>9.1628424801205848E-3</v>
      </c>
      <c r="M78" s="185">
        <v>978</v>
      </c>
      <c r="N78" s="84">
        <v>3.17</v>
      </c>
      <c r="O78" s="85">
        <v>0.1176</v>
      </c>
      <c r="P78" s="187">
        <v>0.155</v>
      </c>
      <c r="Q78" s="94">
        <v>2.3182854022376031E-2</v>
      </c>
      <c r="R78" s="187">
        <v>0.23099999999999998</v>
      </c>
      <c r="S78" s="94">
        <v>2.6943956195203917E-2</v>
      </c>
      <c r="T78" s="187">
        <v>0.59800000000000009</v>
      </c>
      <c r="U78" s="94">
        <v>3.129740923388534E-2</v>
      </c>
      <c r="V78" s="187">
        <v>1.6E-2</v>
      </c>
      <c r="W78" s="94">
        <v>8.4786811662473545E-3</v>
      </c>
    </row>
    <row r="79" spans="1:23">
      <c r="A79" s="49" t="s">
        <v>435</v>
      </c>
      <c r="B79" s="186">
        <v>735</v>
      </c>
      <c r="C79" s="169">
        <v>4.42</v>
      </c>
      <c r="D79" s="129">
        <v>0.13720000000000002</v>
      </c>
      <c r="E79" s="188">
        <v>0.30299999999999999</v>
      </c>
      <c r="F79" s="97">
        <v>3.384354574433901E-2</v>
      </c>
      <c r="G79" s="188">
        <v>0.154</v>
      </c>
      <c r="H79" s="97">
        <v>2.6686824121261873E-2</v>
      </c>
      <c r="I79" s="188">
        <v>0.53200000000000003</v>
      </c>
      <c r="J79" s="97">
        <v>3.6710995447372441E-2</v>
      </c>
      <c r="K79" s="188">
        <v>1.0999999999999999E-2</v>
      </c>
      <c r="L79" s="97">
        <v>8.5357116023598491E-3</v>
      </c>
      <c r="M79" s="186">
        <v>739</v>
      </c>
      <c r="N79" s="169">
        <v>3.45</v>
      </c>
      <c r="O79" s="129">
        <v>0.13720000000000002</v>
      </c>
      <c r="P79" s="188">
        <v>0.153</v>
      </c>
      <c r="Q79" s="97">
        <v>2.6544761270560616E-2</v>
      </c>
      <c r="R79" s="188">
        <v>0.312</v>
      </c>
      <c r="S79" s="97">
        <v>3.4024417654002652E-2</v>
      </c>
      <c r="T79" s="188">
        <v>0.52900000000000003</v>
      </c>
      <c r="U79" s="97">
        <v>3.6625347062020419E-2</v>
      </c>
      <c r="V79" s="188">
        <v>6.0000000000000001E-3</v>
      </c>
      <c r="W79" s="97">
        <v>6.7981874782443988E-3</v>
      </c>
    </row>
    <row r="80" spans="1:23">
      <c r="A80" s="45" t="s">
        <v>436</v>
      </c>
      <c r="B80" s="54">
        <v>132</v>
      </c>
      <c r="C80" s="84">
        <v>4.66</v>
      </c>
      <c r="D80" s="85">
        <v>0.27440000000000003</v>
      </c>
      <c r="E80" s="187">
        <v>0.19</v>
      </c>
      <c r="F80" s="94">
        <v>6.8485681133010512E-2</v>
      </c>
      <c r="G80" s="187">
        <v>0.18</v>
      </c>
      <c r="H80" s="94">
        <v>6.7199209575377186E-2</v>
      </c>
      <c r="I80" s="187">
        <v>0.63</v>
      </c>
      <c r="J80" s="94">
        <v>8.2974038865088293E-2</v>
      </c>
      <c r="K80" s="187">
        <v>0</v>
      </c>
      <c r="L80" s="94">
        <v>2.0643770871594677E-2</v>
      </c>
      <c r="M80" s="54">
        <v>134</v>
      </c>
      <c r="N80" s="84">
        <v>3.46</v>
      </c>
      <c r="O80" s="85">
        <v>0.31359999999999999</v>
      </c>
      <c r="P80" s="187">
        <v>0.154</v>
      </c>
      <c r="Q80" s="94">
        <v>6.3044377611539429E-2</v>
      </c>
      <c r="R80" s="187">
        <v>0.22999999999999998</v>
      </c>
      <c r="S80" s="94">
        <v>7.2484848855521838E-2</v>
      </c>
      <c r="T80" s="187">
        <v>0.61499999999999999</v>
      </c>
      <c r="U80" s="94">
        <v>8.2975560493988021E-2</v>
      </c>
      <c r="V80" s="187">
        <v>0</v>
      </c>
      <c r="W80" s="94">
        <v>2.034678603371113E-2</v>
      </c>
    </row>
    <row r="81" spans="1:32">
      <c r="A81" s="49" t="s">
        <v>437</v>
      </c>
      <c r="B81" s="186">
        <v>155</v>
      </c>
      <c r="C81" s="169">
        <v>4.22</v>
      </c>
      <c r="D81" s="129">
        <v>0.31359999999999999</v>
      </c>
      <c r="E81" s="188">
        <v>0.35699999999999998</v>
      </c>
      <c r="F81" s="97">
        <v>7.6160528678273012E-2</v>
      </c>
      <c r="G81" s="188">
        <v>0.156</v>
      </c>
      <c r="H81" s="97">
        <v>5.8823500916652477E-2</v>
      </c>
      <c r="I81" s="188">
        <v>0.48199999999999998</v>
      </c>
      <c r="J81" s="97">
        <v>7.9256306906410195E-2</v>
      </c>
      <c r="K81" s="188">
        <v>5.0000000000000001E-3</v>
      </c>
      <c r="L81" s="97">
        <v>2.0770218705730654E-2</v>
      </c>
      <c r="M81" s="186">
        <v>154</v>
      </c>
      <c r="N81" s="169">
        <v>3.44</v>
      </c>
      <c r="O81" s="129">
        <v>0.27440000000000003</v>
      </c>
      <c r="P81" s="188">
        <v>0.115</v>
      </c>
      <c r="Q81" s="97">
        <v>5.2575458126532998E-2</v>
      </c>
      <c r="R81" s="188">
        <v>0.36299999999999999</v>
      </c>
      <c r="S81" s="97">
        <v>7.6666184124022138E-2</v>
      </c>
      <c r="T81" s="188">
        <v>0.51100000000000001</v>
      </c>
      <c r="U81" s="97">
        <v>7.9537436298429215E-2</v>
      </c>
      <c r="V81" s="188">
        <v>1.0999999999999999E-2</v>
      </c>
      <c r="W81" s="97">
        <v>2.4042754256465723E-2</v>
      </c>
    </row>
    <row r="82" spans="1:32" ht="25.5">
      <c r="A82" s="45" t="s">
        <v>438</v>
      </c>
      <c r="B82" s="185">
        <v>255</v>
      </c>
      <c r="C82" s="84">
        <v>4.8099999999999996</v>
      </c>
      <c r="D82" s="85">
        <v>0.23519999999999999</v>
      </c>
      <c r="E82" s="187">
        <v>0.23400000000000001</v>
      </c>
      <c r="F82" s="94">
        <v>5.2931461031882183E-2</v>
      </c>
      <c r="G82" s="187">
        <v>0.14599999999999999</v>
      </c>
      <c r="H82" s="94">
        <v>4.4552667094796453E-2</v>
      </c>
      <c r="I82" s="187">
        <v>0.61799999999999999</v>
      </c>
      <c r="J82" s="94">
        <v>6.0436349468116407E-2</v>
      </c>
      <c r="K82" s="187">
        <v>1E-3</v>
      </c>
      <c r="L82" s="94">
        <v>1.1545283985957446E-2</v>
      </c>
      <c r="M82" s="185">
        <v>258</v>
      </c>
      <c r="N82" s="84">
        <v>3.16</v>
      </c>
      <c r="O82" s="85">
        <v>0.21559999999999999</v>
      </c>
      <c r="P82" s="187">
        <v>0.13200000000000001</v>
      </c>
      <c r="Q82" s="94">
        <v>4.256643096303718E-2</v>
      </c>
      <c r="R82" s="187">
        <v>0.27300000000000002</v>
      </c>
      <c r="S82" s="94">
        <v>5.5262371259510036E-2</v>
      </c>
      <c r="T82" s="187">
        <v>0.56700000000000006</v>
      </c>
      <c r="U82" s="94">
        <v>6.1239988728654882E-2</v>
      </c>
      <c r="V82" s="187">
        <v>2.7E-2</v>
      </c>
      <c r="W82" s="94">
        <v>2.2462953930884769E-2</v>
      </c>
    </row>
    <row r="83" spans="1:32">
      <c r="A83" s="49" t="s">
        <v>439</v>
      </c>
      <c r="B83" s="186">
        <v>404</v>
      </c>
      <c r="C83" s="169">
        <v>4</v>
      </c>
      <c r="D83" s="129">
        <v>0.1764</v>
      </c>
      <c r="E83" s="188">
        <v>0.44700000000000001</v>
      </c>
      <c r="F83" s="97">
        <v>4.9233916298710691E-2</v>
      </c>
      <c r="G83" s="188">
        <v>0.14099999999999999</v>
      </c>
      <c r="H83" s="97">
        <v>3.4815154857687131E-2</v>
      </c>
      <c r="I83" s="188">
        <v>0.40899999999999997</v>
      </c>
      <c r="J83" s="97">
        <v>4.869679868339697E-2</v>
      </c>
      <c r="K83" s="188">
        <v>3.0000000000000001E-3</v>
      </c>
      <c r="L83" s="97">
        <v>8.7506705578025996E-3</v>
      </c>
      <c r="M83" s="186">
        <v>407</v>
      </c>
      <c r="N83" s="169">
        <v>3.67</v>
      </c>
      <c r="O83" s="129">
        <v>0.1764</v>
      </c>
      <c r="P83" s="188">
        <v>0.21</v>
      </c>
      <c r="Q83" s="97">
        <v>4.0378864784799136E-2</v>
      </c>
      <c r="R83" s="188">
        <v>0.3</v>
      </c>
      <c r="S83" s="97">
        <v>4.5291679738903697E-2</v>
      </c>
      <c r="T83" s="188">
        <v>0.48799999999999999</v>
      </c>
      <c r="U83" s="97">
        <v>4.9312429576691574E-2</v>
      </c>
      <c r="V83" s="188">
        <v>2E-3</v>
      </c>
      <c r="W83" s="97">
        <v>8.1350150734366931E-3</v>
      </c>
    </row>
    <row r="84" spans="1:32">
      <c r="A84" s="45" t="s">
        <v>440</v>
      </c>
      <c r="B84" s="185">
        <v>407</v>
      </c>
      <c r="C84" s="84">
        <v>4.37</v>
      </c>
      <c r="D84" s="85">
        <v>0.1764</v>
      </c>
      <c r="E84" s="187">
        <v>0.28499999999999998</v>
      </c>
      <c r="F84" s="94">
        <v>4.4630996213360224E-2</v>
      </c>
      <c r="G84" s="187">
        <v>0.192</v>
      </c>
      <c r="H84" s="94">
        <v>3.9086094478698111E-2</v>
      </c>
      <c r="I84" s="187">
        <v>0.50700000000000001</v>
      </c>
      <c r="J84" s="94">
        <v>4.9321621789654484E-2</v>
      </c>
      <c r="K84" s="187">
        <v>1.6E-2</v>
      </c>
      <c r="L84" s="94">
        <v>1.4049456973672535E-2</v>
      </c>
      <c r="M84" s="185">
        <v>409</v>
      </c>
      <c r="N84" s="84">
        <v>3.41</v>
      </c>
      <c r="O84" s="85">
        <v>0.1764</v>
      </c>
      <c r="P84" s="187">
        <v>0.154</v>
      </c>
      <c r="Q84" s="94">
        <v>3.5835476111296102E-2</v>
      </c>
      <c r="R84" s="187">
        <v>0.29200000000000004</v>
      </c>
      <c r="S84" s="94">
        <v>4.4837072310491451E-2</v>
      </c>
      <c r="T84" s="187">
        <v>0.53800000000000003</v>
      </c>
      <c r="U84" s="94">
        <v>4.9067215399278344E-2</v>
      </c>
      <c r="V84" s="187">
        <v>1.4999999999999999E-2</v>
      </c>
      <c r="W84" s="94">
        <v>1.3675361451855784E-2</v>
      </c>
    </row>
    <row r="85" spans="1:32">
      <c r="A85" s="49" t="s">
        <v>441</v>
      </c>
      <c r="B85" s="186">
        <v>282</v>
      </c>
      <c r="C85" s="169">
        <v>4.34</v>
      </c>
      <c r="D85" s="129">
        <v>0.21559999999999999</v>
      </c>
      <c r="E85" s="188">
        <v>0.307</v>
      </c>
      <c r="F85" s="97">
        <v>5.4680974797771051E-2</v>
      </c>
      <c r="G85" s="188">
        <v>0.19500000000000001</v>
      </c>
      <c r="H85" s="97">
        <v>4.7239739909942874E-2</v>
      </c>
      <c r="I85" s="188">
        <v>0.45300000000000001</v>
      </c>
      <c r="J85" s="97">
        <v>5.8876706319213337E-2</v>
      </c>
      <c r="K85" s="188">
        <v>4.4999999999999998E-2</v>
      </c>
      <c r="L85" s="97">
        <v>2.6105062934479853E-2</v>
      </c>
      <c r="M85" s="186">
        <v>282</v>
      </c>
      <c r="N85" s="169">
        <v>3.78</v>
      </c>
      <c r="O85" s="129">
        <v>0.21559999999999999</v>
      </c>
      <c r="P85" s="188">
        <v>0.22600000000000001</v>
      </c>
      <c r="Q85" s="97">
        <v>4.9755955817619983E-2</v>
      </c>
      <c r="R85" s="188">
        <v>0.28799999999999998</v>
      </c>
      <c r="S85" s="97">
        <v>5.3715695951073041E-2</v>
      </c>
      <c r="T85" s="188">
        <v>0.47199999999999998</v>
      </c>
      <c r="U85" s="97">
        <v>5.9041028369670352E-2</v>
      </c>
      <c r="V85" s="188">
        <v>1.4E-2</v>
      </c>
      <c r="W85" s="97">
        <v>1.6876631401282448E-2</v>
      </c>
    </row>
    <row r="86" spans="1:32">
      <c r="A86" s="45" t="s">
        <v>442</v>
      </c>
      <c r="B86" s="185">
        <v>764</v>
      </c>
      <c r="C86" s="84">
        <v>4.4000000000000004</v>
      </c>
      <c r="D86" s="85">
        <v>0.19600000000000001</v>
      </c>
      <c r="E86" s="187">
        <v>0.29499999999999998</v>
      </c>
      <c r="F86" s="94">
        <v>3.2946580849376274E-2</v>
      </c>
      <c r="G86" s="187">
        <v>0.159</v>
      </c>
      <c r="H86" s="94">
        <v>2.6509344470066205E-2</v>
      </c>
      <c r="I86" s="187">
        <v>0.53600000000000003</v>
      </c>
      <c r="J86" s="94">
        <v>3.5991713806484187E-2</v>
      </c>
      <c r="K86" s="187">
        <v>8.9999999999999993E-3</v>
      </c>
      <c r="L86" s="94">
        <v>7.7135300082057726E-3</v>
      </c>
      <c r="M86" s="185">
        <v>770</v>
      </c>
      <c r="N86" s="84">
        <v>3.4</v>
      </c>
      <c r="O86" s="85">
        <v>0.19600000000000001</v>
      </c>
      <c r="P86" s="187">
        <v>0.161</v>
      </c>
      <c r="Q86" s="94">
        <v>2.6536868669735019E-2</v>
      </c>
      <c r="R86" s="187">
        <v>0.27200000000000002</v>
      </c>
      <c r="S86" s="94">
        <v>3.2032921852617705E-2</v>
      </c>
      <c r="T86" s="187">
        <v>0.55000000000000004</v>
      </c>
      <c r="U86" s="94">
        <v>3.5765946951859889E-2</v>
      </c>
      <c r="V86" s="187">
        <v>1.7999999999999999E-2</v>
      </c>
      <c r="W86" s="94">
        <v>1.0184620515610244E-2</v>
      </c>
    </row>
    <row r="87" spans="1:32">
      <c r="A87" s="49" t="s">
        <v>443</v>
      </c>
      <c r="B87" s="186">
        <v>1013</v>
      </c>
      <c r="C87" s="169">
        <v>4.5999999999999996</v>
      </c>
      <c r="D87" s="129">
        <v>0.19600000000000001</v>
      </c>
      <c r="E87" s="188">
        <v>0.26800000000000002</v>
      </c>
      <c r="F87" s="97">
        <v>2.7807355383500928E-2</v>
      </c>
      <c r="G87" s="188">
        <v>0.16600000000000001</v>
      </c>
      <c r="H87" s="97">
        <v>2.3408627296941813E-2</v>
      </c>
      <c r="I87" s="188">
        <v>0.55800000000000005</v>
      </c>
      <c r="J87" s="97">
        <v>3.1147342934728671E-2</v>
      </c>
      <c r="K87" s="188">
        <v>7.0000000000000001E-3</v>
      </c>
      <c r="L87" s="97">
        <v>5.9028949816627872E-3</v>
      </c>
      <c r="M87" s="186">
        <v>1017</v>
      </c>
      <c r="N87" s="169">
        <v>3.3</v>
      </c>
      <c r="O87" s="129">
        <v>0.19600000000000001</v>
      </c>
      <c r="P87" s="188">
        <v>0.14599999999999999</v>
      </c>
      <c r="Q87" s="97">
        <v>2.2188223796810239E-2</v>
      </c>
      <c r="R87" s="188">
        <v>0.28199999999999997</v>
      </c>
      <c r="S87" s="97">
        <v>2.8190456408993869E-2</v>
      </c>
      <c r="T87" s="188">
        <v>0.56200000000000006</v>
      </c>
      <c r="U87" s="97">
        <v>3.1056238551229701E-2</v>
      </c>
      <c r="V87" s="188">
        <v>0.01</v>
      </c>
      <c r="W87" s="97">
        <v>6.7927505441638695E-3</v>
      </c>
    </row>
    <row r="88" spans="1:32">
      <c r="A88" s="45" t="s">
        <v>444</v>
      </c>
      <c r="B88" s="185">
        <v>280</v>
      </c>
      <c r="C88" s="84">
        <v>4.4000000000000004</v>
      </c>
      <c r="D88" s="85">
        <v>0.19600000000000001</v>
      </c>
      <c r="E88" s="187">
        <v>0.29799999999999999</v>
      </c>
      <c r="F88" s="94">
        <v>5.4428828580392337E-2</v>
      </c>
      <c r="G88" s="187">
        <v>0.2</v>
      </c>
      <c r="H88" s="94">
        <v>4.7843253114217894E-2</v>
      </c>
      <c r="I88" s="187">
        <v>0.48599999999999999</v>
      </c>
      <c r="J88" s="94">
        <v>5.931646830273752E-2</v>
      </c>
      <c r="K88" s="187">
        <v>1.7000000000000001E-2</v>
      </c>
      <c r="L88" s="94">
        <v>1.8090633639494254E-2</v>
      </c>
      <c r="M88" s="185">
        <v>280</v>
      </c>
      <c r="N88" s="84">
        <v>3.5</v>
      </c>
      <c r="O88" s="85">
        <v>0.19600000000000001</v>
      </c>
      <c r="P88" s="187">
        <v>0.185</v>
      </c>
      <c r="Q88" s="94">
        <v>4.6504639603160709E-2</v>
      </c>
      <c r="R88" s="187">
        <v>0.27100000000000002</v>
      </c>
      <c r="S88" s="94">
        <v>5.294506964389175E-2</v>
      </c>
      <c r="T88" s="187">
        <v>0.54200000000000004</v>
      </c>
      <c r="U88" s="94">
        <v>5.9135240108415386E-2</v>
      </c>
      <c r="V88" s="187">
        <v>2E-3</v>
      </c>
      <c r="W88" s="94">
        <v>1.1216707098538168E-2</v>
      </c>
    </row>
    <row r="89" spans="1:32">
      <c r="A89" s="49" t="s">
        <v>445</v>
      </c>
      <c r="B89" s="186">
        <v>191</v>
      </c>
      <c r="C89" s="169">
        <v>4.3</v>
      </c>
      <c r="D89" s="129">
        <v>0.19600000000000001</v>
      </c>
      <c r="E89" s="188">
        <v>0.33</v>
      </c>
      <c r="F89" s="97">
        <v>6.7523744063903116E-2</v>
      </c>
      <c r="G89" s="188">
        <v>0.17399999999999999</v>
      </c>
      <c r="H89" s="97">
        <v>5.5106297775164244E-2</v>
      </c>
      <c r="I89" s="188">
        <v>0.47399999999999998</v>
      </c>
      <c r="J89" s="97">
        <v>7.1518539663988648E-2</v>
      </c>
      <c r="K89" s="188">
        <v>2.1999999999999999E-2</v>
      </c>
      <c r="L89" s="97">
        <v>2.5132902951487592E-2</v>
      </c>
      <c r="M89" s="186">
        <v>194</v>
      </c>
      <c r="N89" s="169">
        <v>3.4</v>
      </c>
      <c r="O89" s="129">
        <v>0.19600000000000001</v>
      </c>
      <c r="P89" s="188">
        <v>9.9000000000000005E-2</v>
      </c>
      <c r="Q89" s="97">
        <v>4.3953690904959916E-2</v>
      </c>
      <c r="R89" s="188">
        <v>0.39800000000000002</v>
      </c>
      <c r="S89" s="97">
        <v>6.96328201874164E-2</v>
      </c>
      <c r="T89" s="188">
        <v>0.499</v>
      </c>
      <c r="U89" s="97">
        <v>7.1066769002700605E-2</v>
      </c>
      <c r="V89" s="188">
        <v>3.0000000000000001E-3</v>
      </c>
      <c r="W89" s="97">
        <v>1.6124735940437271E-2</v>
      </c>
    </row>
    <row r="90" spans="1:32">
      <c r="A90" s="45" t="s">
        <v>446</v>
      </c>
      <c r="B90" s="185">
        <v>167</v>
      </c>
      <c r="C90" s="84">
        <v>3.9</v>
      </c>
      <c r="D90" s="85">
        <v>0.39200000000000002</v>
      </c>
      <c r="E90" s="187">
        <v>0.46899999999999997</v>
      </c>
      <c r="F90" s="94">
        <v>7.6331599340960718E-2</v>
      </c>
      <c r="G90" s="187">
        <v>0.09</v>
      </c>
      <c r="H90" s="94">
        <v>4.5799549793991118E-2</v>
      </c>
      <c r="I90" s="187">
        <v>0.441</v>
      </c>
      <c r="J90" s="94">
        <v>7.5962432863298193E-2</v>
      </c>
      <c r="K90" s="187">
        <v>0</v>
      </c>
      <c r="L90" s="94">
        <v>1.6443496878751757E-2</v>
      </c>
      <c r="M90" s="185">
        <v>167</v>
      </c>
      <c r="N90" s="84">
        <v>4.0999999999999996</v>
      </c>
      <c r="O90" s="85">
        <v>0.39200000000000002</v>
      </c>
      <c r="P90" s="187">
        <v>0.27100000000000002</v>
      </c>
      <c r="Q90" s="94">
        <v>6.8395767047412445E-2</v>
      </c>
      <c r="R90" s="187">
        <v>0.33199999999999996</v>
      </c>
      <c r="S90" s="94">
        <v>7.2237583571643171E-2</v>
      </c>
      <c r="T90" s="187">
        <v>0.38900000000000001</v>
      </c>
      <c r="U90" s="94">
        <v>7.4652987356892825E-2</v>
      </c>
      <c r="V90" s="187">
        <v>8.0000000000000002E-3</v>
      </c>
      <c r="W90" s="94">
        <v>2.1152843806774374E-2</v>
      </c>
    </row>
    <row r="91" spans="1:32">
      <c r="A91" s="49" t="s">
        <v>447</v>
      </c>
      <c r="B91" s="186">
        <v>79</v>
      </c>
      <c r="C91" s="169">
        <v>4.2</v>
      </c>
      <c r="D91" s="129">
        <v>0.39200000000000002</v>
      </c>
      <c r="E91" s="188">
        <v>0.35199999999999998</v>
      </c>
      <c r="F91" s="97">
        <v>0.10531795941304302</v>
      </c>
      <c r="G91" s="188">
        <v>0.16700000000000001</v>
      </c>
      <c r="H91" s="97">
        <v>8.4893001937967325E-2</v>
      </c>
      <c r="I91" s="188">
        <v>0.45400000000000001</v>
      </c>
      <c r="J91" s="97">
        <v>0.10934262218726945</v>
      </c>
      <c r="K91" s="188">
        <v>2.5999999999999999E-2</v>
      </c>
      <c r="L91" s="97">
        <v>4.7317282489111774E-2</v>
      </c>
      <c r="M91" s="186">
        <v>79</v>
      </c>
      <c r="N91" s="169">
        <v>3.8</v>
      </c>
      <c r="O91" s="129">
        <v>0.39200000000000002</v>
      </c>
      <c r="P91" s="188">
        <v>0.25800000000000001</v>
      </c>
      <c r="Q91" s="97">
        <v>9.7423360171511569E-2</v>
      </c>
      <c r="R91" s="188">
        <v>0.28400000000000003</v>
      </c>
      <c r="S91" s="97">
        <v>0.10005603328463031</v>
      </c>
      <c r="T91" s="188">
        <v>0.44500000000000001</v>
      </c>
      <c r="U91" s="97">
        <v>0.10916099320362227</v>
      </c>
      <c r="V91" s="188">
        <v>1.2999999999999999E-2</v>
      </c>
      <c r="W91" s="97">
        <v>4.1151982432453285E-2</v>
      </c>
    </row>
    <row r="93" spans="1:32" ht="18.75">
      <c r="A93" s="343" t="s">
        <v>274</v>
      </c>
      <c r="B93" s="343"/>
      <c r="C93" s="343"/>
      <c r="D93" s="343"/>
      <c r="E93" s="343"/>
      <c r="F93" s="343"/>
      <c r="G93" s="343"/>
      <c r="H93" s="343"/>
      <c r="I93" s="343"/>
      <c r="J93" s="343"/>
      <c r="K93" s="343"/>
      <c r="L93" s="343"/>
      <c r="M93" s="226"/>
      <c r="N93" s="226"/>
      <c r="O93" s="226"/>
      <c r="P93" s="256"/>
      <c r="Q93" s="256"/>
      <c r="R93" s="256"/>
      <c r="S93" s="256"/>
      <c r="T93" s="256"/>
      <c r="U93" s="256"/>
      <c r="V93" s="256"/>
      <c r="W93" s="256"/>
      <c r="X93" s="256"/>
      <c r="Y93" s="256"/>
      <c r="Z93" s="256"/>
      <c r="AA93" s="256"/>
      <c r="AB93" s="256"/>
    </row>
    <row r="94" spans="1:32" ht="44.45" customHeight="1">
      <c r="A94" s="404" t="s">
        <v>498</v>
      </c>
      <c r="B94" s="405"/>
      <c r="C94" s="405"/>
      <c r="D94" s="405"/>
      <c r="E94" s="405"/>
      <c r="F94" s="405"/>
      <c r="G94" s="405"/>
      <c r="H94" s="324"/>
      <c r="I94" s="324"/>
      <c r="J94" s="324"/>
      <c r="K94" s="324"/>
      <c r="L94" s="324"/>
      <c r="M94" s="239"/>
      <c r="N94" s="239"/>
      <c r="O94" s="239"/>
      <c r="P94" s="256"/>
      <c r="Q94" s="256"/>
      <c r="R94" s="256"/>
      <c r="S94" s="256"/>
      <c r="T94" s="256"/>
      <c r="U94" s="256"/>
      <c r="V94" s="256"/>
      <c r="W94" s="256"/>
      <c r="X94" s="256"/>
      <c r="Y94" s="256"/>
      <c r="Z94" s="256"/>
      <c r="AA94" s="256"/>
      <c r="AB94" s="256"/>
    </row>
    <row r="95" spans="1:32" ht="36" customHeight="1">
      <c r="A95" s="64"/>
      <c r="B95" s="395" t="s">
        <v>275</v>
      </c>
      <c r="C95" s="396"/>
      <c r="D95" s="396"/>
      <c r="E95" s="396"/>
      <c r="F95" s="396"/>
      <c r="G95" s="396"/>
      <c r="H95" s="396"/>
      <c r="I95" s="396"/>
      <c r="J95" s="396"/>
      <c r="K95" s="396"/>
      <c r="L95" s="397"/>
      <c r="M95" s="256"/>
      <c r="N95" s="256"/>
      <c r="O95" s="256"/>
      <c r="P95" s="256"/>
      <c r="Q95" s="256"/>
      <c r="R95" s="256"/>
      <c r="S95" s="256"/>
      <c r="T95" s="256"/>
      <c r="U95" s="256"/>
      <c r="V95" s="256"/>
      <c r="W95" s="256"/>
      <c r="X95" s="256"/>
      <c r="Y95" s="256"/>
      <c r="Z95" s="256"/>
      <c r="AA95" s="256"/>
      <c r="AB95" s="256"/>
      <c r="AC95" s="256"/>
      <c r="AD95" s="256"/>
      <c r="AE95" s="256"/>
      <c r="AF95" s="256"/>
    </row>
    <row r="96" spans="1:32" ht="39.75" customHeight="1">
      <c r="A96" s="37" t="s">
        <v>85</v>
      </c>
      <c r="B96" s="38" t="s">
        <v>86</v>
      </c>
      <c r="C96" s="39" t="s">
        <v>87</v>
      </c>
      <c r="D96" s="40" t="s">
        <v>88</v>
      </c>
      <c r="E96" s="38" t="s">
        <v>364</v>
      </c>
      <c r="F96" s="89" t="s">
        <v>162</v>
      </c>
      <c r="G96" s="38" t="s">
        <v>365</v>
      </c>
      <c r="H96" s="89" t="s">
        <v>163</v>
      </c>
      <c r="I96" s="38" t="s">
        <v>366</v>
      </c>
      <c r="J96" s="89" t="s">
        <v>136</v>
      </c>
      <c r="K96" s="38" t="s">
        <v>353</v>
      </c>
      <c r="L96" s="89" t="s">
        <v>367</v>
      </c>
      <c r="M96" s="256"/>
      <c r="N96" s="256"/>
      <c r="O96" s="256"/>
      <c r="P96" s="256"/>
      <c r="Q96" s="256"/>
      <c r="R96" s="256"/>
      <c r="S96" s="256"/>
      <c r="T96" s="256"/>
      <c r="U96" s="256"/>
      <c r="V96" s="256"/>
      <c r="W96" s="256"/>
      <c r="X96" s="256"/>
      <c r="Y96" s="256"/>
      <c r="Z96" s="256"/>
      <c r="AA96" s="256"/>
      <c r="AB96" s="256"/>
      <c r="AC96" s="256"/>
      <c r="AD96" s="256"/>
      <c r="AE96" s="256"/>
      <c r="AF96" s="256"/>
    </row>
    <row r="97" spans="1:12" ht="72">
      <c r="A97" s="41"/>
      <c r="B97" s="42" t="s">
        <v>89</v>
      </c>
      <c r="C97" s="125" t="s">
        <v>356</v>
      </c>
      <c r="D97" s="44" t="s">
        <v>91</v>
      </c>
      <c r="E97" s="42" t="s">
        <v>181</v>
      </c>
      <c r="F97" s="91" t="s">
        <v>104</v>
      </c>
      <c r="G97" s="42" t="s">
        <v>182</v>
      </c>
      <c r="H97" s="91" t="s">
        <v>104</v>
      </c>
      <c r="I97" s="42" t="s">
        <v>183</v>
      </c>
      <c r="J97" s="91" t="s">
        <v>104</v>
      </c>
      <c r="K97" s="42" t="s">
        <v>353</v>
      </c>
      <c r="L97" s="91" t="s">
        <v>104</v>
      </c>
    </row>
    <row r="98" spans="1:12">
      <c r="A98" s="45" t="s">
        <v>424</v>
      </c>
      <c r="B98" s="189">
        <v>11008</v>
      </c>
      <c r="C98" s="84">
        <v>4.67</v>
      </c>
      <c r="D98" s="85">
        <v>1.9599999999999999E-2</v>
      </c>
      <c r="E98" s="187">
        <v>0.189</v>
      </c>
      <c r="F98" s="94">
        <v>7.4634173341499794E-3</v>
      </c>
      <c r="G98" s="187">
        <v>0.216</v>
      </c>
      <c r="H98" s="94">
        <v>7.8443490467367868E-3</v>
      </c>
      <c r="I98" s="187">
        <v>0.56899999999999995</v>
      </c>
      <c r="J98" s="94">
        <v>9.4383205836198036E-3</v>
      </c>
      <c r="K98" s="187">
        <v>2.5999999999999999E-2</v>
      </c>
      <c r="L98" s="94">
        <v>3.0426913391641314E-3</v>
      </c>
    </row>
    <row r="99" spans="1:12">
      <c r="A99" s="49" t="s">
        <v>425</v>
      </c>
      <c r="B99" s="49">
        <v>8860</v>
      </c>
      <c r="C99" s="169">
        <v>4.57</v>
      </c>
      <c r="D99" s="129">
        <v>3.9199999999999999E-2</v>
      </c>
      <c r="E99" s="188">
        <v>0.215</v>
      </c>
      <c r="F99" s="97">
        <v>8.7289791651642898E-3</v>
      </c>
      <c r="G99" s="188">
        <v>0.22</v>
      </c>
      <c r="H99" s="97">
        <v>8.8016331700968512E-3</v>
      </c>
      <c r="I99" s="188">
        <v>0.54900000000000004</v>
      </c>
      <c r="J99" s="97">
        <v>1.0570401050802519E-2</v>
      </c>
      <c r="K99" s="188">
        <v>1.7000000000000001E-2</v>
      </c>
      <c r="L99" s="97">
        <v>2.763341621824688E-3</v>
      </c>
    </row>
    <row r="100" spans="1:12">
      <c r="A100" s="45" t="s">
        <v>426</v>
      </c>
      <c r="B100" s="53">
        <v>1986</v>
      </c>
      <c r="C100" s="84">
        <v>4.92</v>
      </c>
      <c r="D100" s="85">
        <v>5.8799999999999998E-2</v>
      </c>
      <c r="E100" s="187">
        <v>0.13120000000000001</v>
      </c>
      <c r="F100" s="94">
        <v>1.5172892925373804E-2</v>
      </c>
      <c r="G100" s="187">
        <v>0.19359999999999999</v>
      </c>
      <c r="H100" s="94">
        <v>1.7735979477157507E-2</v>
      </c>
      <c r="I100" s="187">
        <v>0.63390000000000002</v>
      </c>
      <c r="J100" s="94">
        <v>2.1601358359796648E-2</v>
      </c>
      <c r="K100" s="187">
        <v>4.1399999999999999E-2</v>
      </c>
      <c r="L100" s="94">
        <v>9.0260008033036035E-3</v>
      </c>
    </row>
    <row r="101" spans="1:12">
      <c r="A101" s="49" t="s">
        <v>427</v>
      </c>
      <c r="B101" s="49">
        <v>8496</v>
      </c>
      <c r="C101" s="169">
        <v>4.67</v>
      </c>
      <c r="D101" s="129">
        <v>3.9199999999999999E-2</v>
      </c>
      <c r="E101" s="188">
        <v>0.188</v>
      </c>
      <c r="F101" s="97">
        <v>8.4782794127167133E-3</v>
      </c>
      <c r="G101" s="188">
        <v>0.216</v>
      </c>
      <c r="H101" s="97">
        <v>8.9289981960398307E-3</v>
      </c>
      <c r="I101" s="188">
        <v>0.56999999999999995</v>
      </c>
      <c r="J101" s="97">
        <v>1.073980196289287E-2</v>
      </c>
      <c r="K101" s="188">
        <v>2.5999999999999999E-2</v>
      </c>
      <c r="L101" s="97">
        <v>3.4665059546850462E-3</v>
      </c>
    </row>
    <row r="102" spans="1:12">
      <c r="A102" s="45" t="s">
        <v>428</v>
      </c>
      <c r="B102" s="53">
        <v>2514</v>
      </c>
      <c r="C102" s="84">
        <v>4.2</v>
      </c>
      <c r="D102" s="85">
        <v>5.8799999999999998E-2</v>
      </c>
      <c r="E102" s="187">
        <v>0.29799999999999999</v>
      </c>
      <c r="F102" s="94">
        <v>1.8235313715006189E-2</v>
      </c>
      <c r="G102" s="187">
        <v>0.25900000000000001</v>
      </c>
      <c r="H102" s="94">
        <v>1.7469064180800128E-2</v>
      </c>
      <c r="I102" s="187">
        <v>0.435</v>
      </c>
      <c r="J102" s="94">
        <v>1.9759813226067499E-2</v>
      </c>
      <c r="K102" s="187">
        <v>8.9999999999999993E-3</v>
      </c>
      <c r="L102" s="94">
        <v>3.922266131282437E-3</v>
      </c>
    </row>
    <row r="103" spans="1:12">
      <c r="A103" s="49" t="s">
        <v>429</v>
      </c>
      <c r="B103" s="49">
        <v>618</v>
      </c>
      <c r="C103" s="169">
        <v>4.3099999999999996</v>
      </c>
      <c r="D103" s="129">
        <v>0.1176</v>
      </c>
      <c r="E103" s="188">
        <v>0.23499999999999999</v>
      </c>
      <c r="F103" s="97">
        <v>3.4086641187182742E-2</v>
      </c>
      <c r="G103" s="188">
        <v>0.28899999999999998</v>
      </c>
      <c r="H103" s="97">
        <v>3.6401633841106291E-2</v>
      </c>
      <c r="I103" s="188">
        <v>0.46800000000000003</v>
      </c>
      <c r="J103" s="97">
        <v>4.0015200332885997E-2</v>
      </c>
      <c r="K103" s="188">
        <v>8.0000000000000002E-3</v>
      </c>
      <c r="L103" s="97">
        <v>8.4257118849451022E-3</v>
      </c>
    </row>
    <row r="104" spans="1:12">
      <c r="A104" s="45" t="s">
        <v>430</v>
      </c>
      <c r="B104" s="53">
        <v>1589</v>
      </c>
      <c r="C104" s="84">
        <v>4.08</v>
      </c>
      <c r="D104" s="85">
        <v>7.8399999999999997E-2</v>
      </c>
      <c r="E104" s="187">
        <v>0.33900000000000002</v>
      </c>
      <c r="F104" s="94">
        <v>2.3727317371662133E-2</v>
      </c>
      <c r="G104" s="187">
        <v>0.25600000000000001</v>
      </c>
      <c r="H104" s="94">
        <v>2.188611811664698E-2</v>
      </c>
      <c r="I104" s="187">
        <v>0.39800000000000002</v>
      </c>
      <c r="J104" s="94">
        <v>2.4530656889024009E-2</v>
      </c>
      <c r="K104" s="187">
        <v>8.0000000000000002E-3</v>
      </c>
      <c r="L104" s="94">
        <v>4.7933077937188416E-3</v>
      </c>
    </row>
    <row r="105" spans="1:12">
      <c r="A105" s="49" t="s">
        <v>431</v>
      </c>
      <c r="B105" s="49">
        <v>240</v>
      </c>
      <c r="C105" s="169">
        <v>4.32</v>
      </c>
      <c r="D105" s="129">
        <v>0.1764</v>
      </c>
      <c r="E105" s="188">
        <v>0.25900000000000001</v>
      </c>
      <c r="F105" s="97">
        <v>5.6366436662819992E-2</v>
      </c>
      <c r="G105" s="188">
        <v>0.29299999999999998</v>
      </c>
      <c r="H105" s="97">
        <v>5.8470164704249566E-2</v>
      </c>
      <c r="I105" s="188">
        <v>0.44400000000000001</v>
      </c>
      <c r="J105" s="97">
        <v>6.3628787289507049E-2</v>
      </c>
      <c r="K105" s="188">
        <v>4.0000000000000001E-3</v>
      </c>
      <c r="L105" s="97">
        <v>1.4016373797509692E-2</v>
      </c>
    </row>
    <row r="106" spans="1:12">
      <c r="A106" s="45" t="s">
        <v>432</v>
      </c>
      <c r="B106" s="53">
        <v>552</v>
      </c>
      <c r="C106" s="84">
        <v>4</v>
      </c>
      <c r="D106" s="85">
        <v>0.1176</v>
      </c>
      <c r="E106" s="187">
        <v>0.34100000000000003</v>
      </c>
      <c r="F106" s="94">
        <v>4.0240414822138963E-2</v>
      </c>
      <c r="G106" s="187">
        <v>0.27600000000000002</v>
      </c>
      <c r="H106" s="94">
        <v>3.7983654177267956E-2</v>
      </c>
      <c r="I106" s="187">
        <v>0.375</v>
      </c>
      <c r="J106" s="94">
        <v>4.1082388832907601E-2</v>
      </c>
      <c r="K106" s="187">
        <v>8.0000000000000002E-3</v>
      </c>
      <c r="L106" s="94">
        <v>9.058723967077676E-3</v>
      </c>
    </row>
    <row r="107" spans="1:12">
      <c r="A107" s="49" t="s">
        <v>433</v>
      </c>
      <c r="B107" s="49">
        <v>721</v>
      </c>
      <c r="C107" s="169">
        <v>4.17</v>
      </c>
      <c r="D107" s="129">
        <v>9.8000000000000004E-2</v>
      </c>
      <c r="E107" s="188">
        <v>0.316</v>
      </c>
      <c r="F107" s="97">
        <v>3.4562611082178236E-2</v>
      </c>
      <c r="G107" s="188">
        <v>0.24299999999999999</v>
      </c>
      <c r="H107" s="97">
        <v>3.1920401520532771E-2</v>
      </c>
      <c r="I107" s="188">
        <v>0.42799999999999999</v>
      </c>
      <c r="J107" s="97">
        <v>3.6756274244263226E-2</v>
      </c>
      <c r="K107" s="188">
        <v>1.2999999999999999E-2</v>
      </c>
      <c r="L107" s="97">
        <v>9.2298818547524031E-3</v>
      </c>
    </row>
    <row r="108" spans="1:12">
      <c r="A108" s="45" t="s">
        <v>434</v>
      </c>
      <c r="B108" s="189">
        <v>979</v>
      </c>
      <c r="C108" s="84">
        <v>4.37</v>
      </c>
      <c r="D108" s="85">
        <v>9.8000000000000004E-2</v>
      </c>
      <c r="E108" s="187">
        <v>0.25600000000000001</v>
      </c>
      <c r="F108" s="94">
        <v>2.7874704336947977E-2</v>
      </c>
      <c r="G108" s="187">
        <v>0.23200000000000001</v>
      </c>
      <c r="H108" s="94">
        <v>2.6970413669395173E-2</v>
      </c>
      <c r="I108" s="187">
        <v>0.503</v>
      </c>
      <c r="J108" s="94">
        <v>3.1894477152362287E-2</v>
      </c>
      <c r="K108" s="187">
        <v>8.0000000000000002E-3</v>
      </c>
      <c r="L108" s="94">
        <v>6.3476732601229257E-3</v>
      </c>
    </row>
    <row r="109" spans="1:12">
      <c r="A109" s="49" t="s">
        <v>435</v>
      </c>
      <c r="B109" s="190">
        <v>739</v>
      </c>
      <c r="C109" s="169">
        <v>4.09</v>
      </c>
      <c r="D109" s="129">
        <v>0.1176</v>
      </c>
      <c r="E109" s="188">
        <v>0.32300000000000001</v>
      </c>
      <c r="F109" s="97">
        <v>3.4337209616137794E-2</v>
      </c>
      <c r="G109" s="188">
        <v>0.25700000000000001</v>
      </c>
      <c r="H109" s="97">
        <v>3.2115628797617694E-2</v>
      </c>
      <c r="I109" s="188">
        <v>0.41</v>
      </c>
      <c r="J109" s="97">
        <v>3.60937152592277E-2</v>
      </c>
      <c r="K109" s="188">
        <v>0.01</v>
      </c>
      <c r="L109" s="97">
        <v>8.1961933035210321E-3</v>
      </c>
    </row>
    <row r="110" spans="1:12">
      <c r="A110" s="45" t="s">
        <v>436</v>
      </c>
      <c r="B110" s="54">
        <v>133</v>
      </c>
      <c r="C110" s="84">
        <v>3.81</v>
      </c>
      <c r="D110" s="85">
        <v>0.25480000000000003</v>
      </c>
      <c r="E110" s="187">
        <v>0.29799999999999999</v>
      </c>
      <c r="F110" s="94">
        <v>7.8590490159101481E-2</v>
      </c>
      <c r="G110" s="187">
        <v>0.40899999999999997</v>
      </c>
      <c r="H110" s="94">
        <v>8.4091625861125313E-2</v>
      </c>
      <c r="I110" s="187">
        <v>0.28199999999999997</v>
      </c>
      <c r="J110" s="94">
        <v>7.740510768472797E-2</v>
      </c>
      <c r="K110" s="187">
        <v>1.0999999999999999E-2</v>
      </c>
      <c r="L110" s="94">
        <v>2.6821076097803601E-2</v>
      </c>
    </row>
    <row r="111" spans="1:12">
      <c r="A111" s="49" t="s">
        <v>437</v>
      </c>
      <c r="B111" s="190">
        <v>155</v>
      </c>
      <c r="C111" s="169">
        <v>4.34</v>
      </c>
      <c r="D111" s="129">
        <v>0.21559999999999999</v>
      </c>
      <c r="E111" s="188">
        <v>0.29199999999999998</v>
      </c>
      <c r="F111" s="97">
        <v>7.2491235442652471E-2</v>
      </c>
      <c r="G111" s="188">
        <v>0.22900000000000001</v>
      </c>
      <c r="H111" s="97">
        <v>6.7331464856157222E-2</v>
      </c>
      <c r="I111" s="188">
        <v>0.47899999999999998</v>
      </c>
      <c r="J111" s="97">
        <v>7.9238658625629024E-2</v>
      </c>
      <c r="K111" s="188">
        <v>0</v>
      </c>
      <c r="L111" s="97">
        <v>1.7676616229639286E-2</v>
      </c>
    </row>
    <row r="112" spans="1:12" ht="25.5">
      <c r="A112" s="45" t="s">
        <v>438</v>
      </c>
      <c r="B112" s="189">
        <v>257</v>
      </c>
      <c r="C112" s="84">
        <v>4.6100000000000003</v>
      </c>
      <c r="D112" s="85">
        <v>0.1764</v>
      </c>
      <c r="E112" s="187">
        <v>0.17299999999999999</v>
      </c>
      <c r="F112" s="94">
        <v>4.7355086820383072E-2</v>
      </c>
      <c r="G112" s="187">
        <v>0.248</v>
      </c>
      <c r="H112" s="94">
        <v>5.3738057346594169E-2</v>
      </c>
      <c r="I112" s="187">
        <v>0.56799999999999995</v>
      </c>
      <c r="J112" s="94">
        <v>6.1340909793577966E-2</v>
      </c>
      <c r="K112" s="187">
        <v>0.01</v>
      </c>
      <c r="L112" s="94">
        <v>1.623722283563632E-2</v>
      </c>
    </row>
    <row r="113" spans="1:45">
      <c r="A113" s="49" t="s">
        <v>439</v>
      </c>
      <c r="B113" s="190">
        <v>405</v>
      </c>
      <c r="C113" s="169">
        <v>4.21</v>
      </c>
      <c r="D113" s="129">
        <v>0.13720000000000002</v>
      </c>
      <c r="E113" s="188">
        <v>0.32500000000000001</v>
      </c>
      <c r="F113" s="97">
        <v>4.6382179024602115E-2</v>
      </c>
      <c r="G113" s="188">
        <v>0.26300000000000001</v>
      </c>
      <c r="H113" s="97">
        <v>4.3661768198331494E-2</v>
      </c>
      <c r="I113" s="188">
        <v>0.40200000000000002</v>
      </c>
      <c r="J113" s="97">
        <v>4.8506590654730453E-2</v>
      </c>
      <c r="K113" s="188">
        <v>0.01</v>
      </c>
      <c r="L113" s="97">
        <v>1.1938459790634286E-2</v>
      </c>
    </row>
    <row r="114" spans="1:45">
      <c r="A114" s="45" t="s">
        <v>440</v>
      </c>
      <c r="B114" s="189">
        <v>411</v>
      </c>
      <c r="C114" s="84">
        <v>4.08</v>
      </c>
      <c r="D114" s="85">
        <v>0.13720000000000002</v>
      </c>
      <c r="E114" s="187">
        <v>0.32900000000000001</v>
      </c>
      <c r="F114" s="94">
        <v>4.6186626697241738E-2</v>
      </c>
      <c r="G114" s="187">
        <v>0.248</v>
      </c>
      <c r="H114" s="94">
        <v>4.2535799109753955E-2</v>
      </c>
      <c r="I114" s="187">
        <v>0.41699999999999998</v>
      </c>
      <c r="J114" s="94">
        <v>4.8420165071405619E-2</v>
      </c>
      <c r="K114" s="187">
        <v>6.0000000000000001E-3</v>
      </c>
      <c r="L114" s="94">
        <v>1.0129587851979987E-2</v>
      </c>
    </row>
    <row r="115" spans="1:45">
      <c r="A115" s="49" t="s">
        <v>441</v>
      </c>
      <c r="B115" s="190">
        <v>282</v>
      </c>
      <c r="C115" s="169">
        <v>4.22</v>
      </c>
      <c r="D115" s="129">
        <v>0.1764</v>
      </c>
      <c r="E115" s="188">
        <v>0.28599999999999998</v>
      </c>
      <c r="F115" s="97">
        <v>5.3607750314076032E-2</v>
      </c>
      <c r="G115" s="188">
        <v>0.255</v>
      </c>
      <c r="H115" s="97">
        <v>5.1771725897709828E-2</v>
      </c>
      <c r="I115" s="188">
        <v>0.45</v>
      </c>
      <c r="J115" s="97">
        <v>5.8843093605056615E-2</v>
      </c>
      <c r="K115" s="188">
        <v>8.9999999999999993E-3</v>
      </c>
      <c r="L115" s="97">
        <v>1.4778252289198863E-2</v>
      </c>
    </row>
    <row r="116" spans="1:45">
      <c r="A116" s="45" t="s">
        <v>442</v>
      </c>
      <c r="B116" s="189">
        <v>768</v>
      </c>
      <c r="C116" s="84">
        <v>4</v>
      </c>
      <c r="D116" s="85">
        <v>0.19600000000000001</v>
      </c>
      <c r="E116" s="187">
        <v>0.316</v>
      </c>
      <c r="F116" s="94">
        <v>3.3492241036968608E-2</v>
      </c>
      <c r="G116" s="187">
        <v>0.28499999999999998</v>
      </c>
      <c r="H116" s="94">
        <v>3.2531592820773919E-2</v>
      </c>
      <c r="I116" s="187">
        <v>0.38600000000000001</v>
      </c>
      <c r="J116" s="94">
        <v>3.5052759988297461E-2</v>
      </c>
      <c r="K116" s="187">
        <v>1.2999999999999999E-2</v>
      </c>
      <c r="L116" s="94">
        <v>8.8984899227180538E-3</v>
      </c>
    </row>
    <row r="117" spans="1:45">
      <c r="A117" s="49" t="s">
        <v>443</v>
      </c>
      <c r="B117" s="190">
        <v>1016</v>
      </c>
      <c r="C117" s="169">
        <v>4.0999999999999996</v>
      </c>
      <c r="D117" s="129">
        <v>0</v>
      </c>
      <c r="E117" s="188">
        <v>0.32800000000000001</v>
      </c>
      <c r="F117" s="97">
        <v>2.9415720514189607E-2</v>
      </c>
      <c r="G117" s="188">
        <v>0.26600000000000001</v>
      </c>
      <c r="H117" s="97">
        <v>2.7700967403465573E-2</v>
      </c>
      <c r="I117" s="188">
        <v>0.39100000000000001</v>
      </c>
      <c r="J117" s="97">
        <v>3.0564108234241851E-2</v>
      </c>
      <c r="K117" s="188">
        <v>1.6E-2</v>
      </c>
      <c r="L117" s="97">
        <v>8.3025390418150317E-3</v>
      </c>
    </row>
    <row r="118" spans="1:45">
      <c r="A118" s="45" t="s">
        <v>444</v>
      </c>
      <c r="B118" s="189">
        <v>281</v>
      </c>
      <c r="C118" s="84">
        <v>4.5</v>
      </c>
      <c r="D118" s="85">
        <v>0.19600000000000001</v>
      </c>
      <c r="E118" s="187">
        <v>0.24299999999999999</v>
      </c>
      <c r="F118" s="94">
        <v>5.1064733110110019E-2</v>
      </c>
      <c r="G118" s="187">
        <v>0.19</v>
      </c>
      <c r="H118" s="94">
        <v>4.6878508707389376E-2</v>
      </c>
      <c r="I118" s="187">
        <v>0.56399999999999995</v>
      </c>
      <c r="J118" s="94">
        <v>5.8761267657783396E-2</v>
      </c>
      <c r="K118" s="187">
        <v>4.0000000000000001E-3</v>
      </c>
      <c r="L118" s="94">
        <v>1.2335230470622176E-2</v>
      </c>
    </row>
    <row r="119" spans="1:45">
      <c r="A119" s="49" t="s">
        <v>445</v>
      </c>
      <c r="B119" s="190">
        <v>194</v>
      </c>
      <c r="C119" s="169">
        <v>4.0999999999999996</v>
      </c>
      <c r="D119" s="129">
        <v>0.19600000000000001</v>
      </c>
      <c r="E119" s="188">
        <v>0.32400000000000001</v>
      </c>
      <c r="F119" s="97">
        <v>6.6706490163281548E-2</v>
      </c>
      <c r="G119" s="188">
        <v>0.26800000000000002</v>
      </c>
      <c r="H119" s="97">
        <v>6.3298034873452355E-2</v>
      </c>
      <c r="I119" s="188">
        <v>0.40600000000000003</v>
      </c>
      <c r="J119" s="97">
        <v>6.9850837314254843E-2</v>
      </c>
      <c r="K119" s="188">
        <v>2E-3</v>
      </c>
      <c r="L119" s="97">
        <v>1.5514833463988312E-2</v>
      </c>
    </row>
    <row r="120" spans="1:45">
      <c r="A120" s="45" t="s">
        <v>446</v>
      </c>
      <c r="B120" s="189">
        <v>166</v>
      </c>
      <c r="C120" s="84">
        <v>4.4000000000000004</v>
      </c>
      <c r="D120" s="85">
        <v>0.19600000000000001</v>
      </c>
      <c r="E120" s="187">
        <v>0.26300000000000001</v>
      </c>
      <c r="F120" s="94">
        <v>6.7986702858132839E-2</v>
      </c>
      <c r="G120" s="187">
        <v>0.28100000000000003</v>
      </c>
      <c r="H120" s="94">
        <v>6.9327769740818182E-2</v>
      </c>
      <c r="I120" s="187">
        <v>0.45500000000000002</v>
      </c>
      <c r="J120" s="94">
        <v>7.6399749462228661E-2</v>
      </c>
      <c r="K120" s="187">
        <v>0</v>
      </c>
      <c r="L120" s="94">
        <v>1.6539647608348407E-2</v>
      </c>
    </row>
    <row r="121" spans="1:45">
      <c r="A121" s="49" t="s">
        <v>447</v>
      </c>
      <c r="B121" s="190">
        <v>79</v>
      </c>
      <c r="C121" s="169">
        <v>4.3</v>
      </c>
      <c r="D121" s="129">
        <v>0.39200000000000002</v>
      </c>
      <c r="E121" s="188">
        <v>0.29099999999999998</v>
      </c>
      <c r="F121" s="97">
        <v>0.10070301460141488</v>
      </c>
      <c r="G121" s="188">
        <v>0.22600000000000001</v>
      </c>
      <c r="H121" s="97">
        <v>9.3650432739906628E-2</v>
      </c>
      <c r="I121" s="188">
        <v>0.48399999999999999</v>
      </c>
      <c r="J121" s="97">
        <v>0.10971333515015665</v>
      </c>
      <c r="K121" s="188">
        <v>0</v>
      </c>
      <c r="L121" s="97">
        <v>3.3664360151118053E-2</v>
      </c>
      <c r="P121" s="256"/>
      <c r="Q121" s="256"/>
      <c r="R121" s="256"/>
      <c r="S121" s="256"/>
      <c r="T121" s="256"/>
      <c r="U121" s="256"/>
      <c r="V121" s="256"/>
      <c r="W121" s="256"/>
      <c r="X121" s="256"/>
      <c r="Y121" s="256"/>
      <c r="Z121" s="256"/>
      <c r="AA121" s="256"/>
      <c r="AB121" s="256"/>
      <c r="AC121" s="256"/>
      <c r="AD121" s="256"/>
      <c r="AE121" s="256"/>
      <c r="AF121" s="256"/>
      <c r="AG121" s="256"/>
      <c r="AH121" s="256"/>
      <c r="AI121" s="256"/>
      <c r="AJ121" s="256"/>
      <c r="AK121" s="256"/>
      <c r="AL121" s="256"/>
      <c r="AM121" s="256"/>
      <c r="AN121" s="256"/>
      <c r="AO121" s="256"/>
      <c r="AP121" s="256"/>
      <c r="AQ121" s="256"/>
      <c r="AR121" s="256"/>
      <c r="AS121" s="256"/>
    </row>
    <row r="122" spans="1:45">
      <c r="P122" s="256"/>
      <c r="Q122" s="256"/>
      <c r="R122" s="256"/>
      <c r="S122" s="256"/>
      <c r="T122" s="256"/>
      <c r="U122" s="256"/>
      <c r="V122" s="256"/>
      <c r="W122" s="256"/>
      <c r="X122" s="256"/>
      <c r="Y122" s="256"/>
      <c r="Z122" s="256"/>
      <c r="AA122" s="256"/>
      <c r="AB122" s="256"/>
      <c r="AC122" s="256"/>
      <c r="AD122" s="256"/>
      <c r="AE122" s="256"/>
      <c r="AF122" s="256"/>
      <c r="AG122" s="256"/>
      <c r="AH122" s="256"/>
      <c r="AI122" s="256"/>
      <c r="AJ122" s="256"/>
      <c r="AK122" s="256"/>
      <c r="AL122" s="256"/>
      <c r="AM122" s="256"/>
      <c r="AN122" s="256"/>
      <c r="AO122" s="256"/>
      <c r="AP122" s="256"/>
      <c r="AQ122" s="256"/>
      <c r="AR122" s="256"/>
      <c r="AS122" s="256"/>
    </row>
    <row r="123" spans="1:45" ht="18.75">
      <c r="A123" s="408" t="s">
        <v>15</v>
      </c>
      <c r="B123" s="408"/>
      <c r="C123" s="408"/>
      <c r="D123" s="408"/>
    </row>
    <row r="124" spans="1:45" ht="85.5" customHeight="1">
      <c r="A124" s="406" t="s">
        <v>499</v>
      </c>
      <c r="B124" s="406"/>
      <c r="C124" s="406"/>
      <c r="D124" s="406"/>
    </row>
    <row r="125" spans="1:45" ht="36" customHeight="1">
      <c r="A125" s="383" t="s">
        <v>278</v>
      </c>
      <c r="B125" s="383"/>
      <c r="C125" s="383"/>
      <c r="D125" s="383"/>
    </row>
    <row r="126" spans="1:45" ht="40.5" customHeight="1">
      <c r="A126" s="37" t="s">
        <v>85</v>
      </c>
      <c r="B126" s="38" t="s">
        <v>86</v>
      </c>
      <c r="C126" s="39" t="s">
        <v>87</v>
      </c>
      <c r="D126" s="40" t="s">
        <v>88</v>
      </c>
    </row>
    <row r="127" spans="1:45" ht="72">
      <c r="A127" s="41"/>
      <c r="B127" s="42" t="s">
        <v>89</v>
      </c>
      <c r="C127" s="125" t="s">
        <v>279</v>
      </c>
      <c r="D127" s="44" t="s">
        <v>91</v>
      </c>
    </row>
    <row r="128" spans="1:45">
      <c r="A128" s="45" t="s">
        <v>424</v>
      </c>
      <c r="B128" s="195">
        <v>10969</v>
      </c>
      <c r="C128" s="196">
        <v>4.75</v>
      </c>
      <c r="D128" s="197">
        <v>3.9199999999999999E-2</v>
      </c>
    </row>
    <row r="129" spans="1:4">
      <c r="A129" s="49" t="s">
        <v>425</v>
      </c>
      <c r="B129" s="49">
        <v>8844</v>
      </c>
      <c r="C129" s="199">
        <v>4.47</v>
      </c>
      <c r="D129" s="200">
        <v>3.9199999999999999E-2</v>
      </c>
    </row>
    <row r="130" spans="1:4">
      <c r="A130" s="45" t="s">
        <v>426</v>
      </c>
      <c r="B130" s="53">
        <v>1961</v>
      </c>
      <c r="C130" s="196">
        <v>5.23</v>
      </c>
      <c r="D130" s="197">
        <v>5.8799999999999998E-2</v>
      </c>
    </row>
    <row r="131" spans="1:4">
      <c r="A131" s="49" t="s">
        <v>427</v>
      </c>
      <c r="B131" s="49">
        <v>8464</v>
      </c>
      <c r="C131" s="199">
        <v>4.76</v>
      </c>
      <c r="D131" s="200">
        <v>3.9199999999999999E-2</v>
      </c>
    </row>
    <row r="132" spans="1:4">
      <c r="A132" s="45" t="s">
        <v>428</v>
      </c>
      <c r="B132" s="53">
        <v>2506</v>
      </c>
      <c r="C132" s="196">
        <v>3.58</v>
      </c>
      <c r="D132" s="197">
        <v>7.8399999999999997E-2</v>
      </c>
    </row>
    <row r="133" spans="1:4">
      <c r="A133" s="49" t="s">
        <v>429</v>
      </c>
      <c r="B133" s="49">
        <v>615</v>
      </c>
      <c r="C133" s="199">
        <v>3.85</v>
      </c>
      <c r="D133" s="200">
        <v>0.13720000000000002</v>
      </c>
    </row>
    <row r="134" spans="1:4">
      <c r="A134" s="45" t="s">
        <v>430</v>
      </c>
      <c r="B134" s="53">
        <v>1584</v>
      </c>
      <c r="C134" s="196">
        <v>3.47</v>
      </c>
      <c r="D134" s="197">
        <v>7.8399999999999997E-2</v>
      </c>
    </row>
    <row r="135" spans="1:4">
      <c r="A135" s="49" t="s">
        <v>431</v>
      </c>
      <c r="B135" s="49">
        <v>240</v>
      </c>
      <c r="C135" s="199">
        <v>3.51</v>
      </c>
      <c r="D135" s="200">
        <v>0.21559999999999999</v>
      </c>
    </row>
    <row r="136" spans="1:4">
      <c r="A136" s="45" t="s">
        <v>432</v>
      </c>
      <c r="B136" s="53">
        <v>554</v>
      </c>
      <c r="C136" s="196">
        <v>3.46</v>
      </c>
      <c r="D136" s="197">
        <v>0.13720000000000002</v>
      </c>
    </row>
    <row r="137" spans="1:4">
      <c r="A137" s="49" t="s">
        <v>433</v>
      </c>
      <c r="B137" s="49">
        <v>718</v>
      </c>
      <c r="C137" s="199">
        <v>3.56</v>
      </c>
      <c r="D137" s="200">
        <v>0.1176</v>
      </c>
    </row>
    <row r="138" spans="1:4">
      <c r="A138" s="45" t="s">
        <v>434</v>
      </c>
      <c r="B138" s="195">
        <v>972</v>
      </c>
      <c r="C138" s="196">
        <v>3.78</v>
      </c>
      <c r="D138" s="197">
        <v>0.1176</v>
      </c>
    </row>
    <row r="139" spans="1:4">
      <c r="A139" s="49" t="s">
        <v>435</v>
      </c>
      <c r="B139" s="198">
        <v>737</v>
      </c>
      <c r="C139" s="199">
        <v>3.31</v>
      </c>
      <c r="D139" s="200">
        <v>0.1176</v>
      </c>
    </row>
    <row r="140" spans="1:4">
      <c r="A140" s="45" t="s">
        <v>436</v>
      </c>
      <c r="B140" s="83">
        <v>132</v>
      </c>
      <c r="C140" s="196">
        <v>4.01</v>
      </c>
      <c r="D140" s="197">
        <v>0.29399999999999998</v>
      </c>
    </row>
    <row r="141" spans="1:4">
      <c r="A141" s="49" t="s">
        <v>437</v>
      </c>
      <c r="B141" s="198">
        <v>155</v>
      </c>
      <c r="C141" s="199">
        <v>3.75</v>
      </c>
      <c r="D141" s="200">
        <v>0.27440000000000003</v>
      </c>
    </row>
    <row r="142" spans="1:4" ht="25.5">
      <c r="A142" s="45" t="s">
        <v>438</v>
      </c>
      <c r="B142" s="195">
        <v>254</v>
      </c>
      <c r="C142" s="196">
        <v>4.08</v>
      </c>
      <c r="D142" s="197">
        <v>0.21559999999999999</v>
      </c>
    </row>
    <row r="143" spans="1:4">
      <c r="A143" s="49" t="s">
        <v>439</v>
      </c>
      <c r="B143" s="198">
        <v>405</v>
      </c>
      <c r="C143" s="199">
        <v>3.59</v>
      </c>
      <c r="D143" s="200">
        <v>0.1764</v>
      </c>
    </row>
    <row r="144" spans="1:4">
      <c r="A144" s="45" t="s">
        <v>440</v>
      </c>
      <c r="B144" s="195">
        <v>408</v>
      </c>
      <c r="C144" s="196">
        <v>3.22</v>
      </c>
      <c r="D144" s="197">
        <v>0.1764</v>
      </c>
    </row>
    <row r="145" spans="1:49">
      <c r="A145" s="49" t="s">
        <v>441</v>
      </c>
      <c r="B145" s="198">
        <v>282</v>
      </c>
      <c r="C145" s="199">
        <v>3.86</v>
      </c>
      <c r="D145" s="200">
        <v>0.21559999999999999</v>
      </c>
    </row>
    <row r="146" spans="1:49">
      <c r="A146" s="45" t="s">
        <v>442</v>
      </c>
      <c r="B146" s="195">
        <v>767</v>
      </c>
      <c r="C146" s="196">
        <v>3.5</v>
      </c>
      <c r="D146" s="197">
        <v>0.19600000000000001</v>
      </c>
    </row>
    <row r="147" spans="1:49">
      <c r="A147" s="49" t="s">
        <v>443</v>
      </c>
      <c r="B147" s="198">
        <v>1011</v>
      </c>
      <c r="C147" s="199">
        <v>3.8</v>
      </c>
      <c r="D147" s="200">
        <v>0.19600000000000001</v>
      </c>
    </row>
    <row r="148" spans="1:49">
      <c r="A148" s="45" t="s">
        <v>444</v>
      </c>
      <c r="B148" s="195">
        <v>280</v>
      </c>
      <c r="C148" s="196">
        <v>3.3</v>
      </c>
      <c r="D148" s="197">
        <v>0.19600000000000001</v>
      </c>
    </row>
    <row r="149" spans="1:49">
      <c r="A149" s="49" t="s">
        <v>445</v>
      </c>
      <c r="B149" s="198">
        <v>192</v>
      </c>
      <c r="C149" s="199">
        <v>3.5</v>
      </c>
      <c r="D149" s="200">
        <v>0.19600000000000001</v>
      </c>
    </row>
    <row r="150" spans="1:49">
      <c r="A150" s="45" t="s">
        <v>446</v>
      </c>
      <c r="B150" s="195">
        <v>167</v>
      </c>
      <c r="C150" s="196">
        <v>3.7</v>
      </c>
      <c r="D150" s="197">
        <v>0.19600000000000001</v>
      </c>
    </row>
    <row r="151" spans="1:49" s="248" customFormat="1">
      <c r="A151" s="49" t="s">
        <v>447</v>
      </c>
      <c r="B151" s="198">
        <v>79</v>
      </c>
      <c r="C151" s="199">
        <v>4.5</v>
      </c>
      <c r="D151" s="200">
        <v>0.39200000000000002</v>
      </c>
    </row>
    <row r="152" spans="1:49" s="248" customFormat="1">
      <c r="A152" s="241"/>
      <c r="B152" s="260"/>
      <c r="C152" s="261"/>
      <c r="D152" s="262"/>
    </row>
    <row r="153" spans="1:49" ht="18.75">
      <c r="A153" s="343" t="s">
        <v>15</v>
      </c>
      <c r="B153" s="343"/>
      <c r="C153" s="343"/>
      <c r="D153" s="343"/>
      <c r="E153" s="343"/>
      <c r="F153" s="343"/>
      <c r="G153" s="343"/>
      <c r="H153" s="343"/>
      <c r="I153" s="343"/>
      <c r="J153" s="343"/>
      <c r="K153" s="343"/>
      <c r="L153" s="343"/>
      <c r="M153" s="343"/>
      <c r="N153" s="343"/>
      <c r="O153" s="343"/>
      <c r="P153" s="343"/>
      <c r="Q153" s="343"/>
      <c r="R153" s="343"/>
      <c r="S153" s="343"/>
      <c r="T153" s="226"/>
      <c r="U153" s="226"/>
      <c r="V153" s="226"/>
      <c r="W153" s="226"/>
      <c r="X153" s="226"/>
      <c r="Y153" s="226"/>
      <c r="Z153" s="226"/>
      <c r="AA153" s="226"/>
      <c r="AB153" s="226"/>
      <c r="AC153" s="226"/>
      <c r="AD153" s="226"/>
      <c r="AE153" s="226"/>
      <c r="AF153" s="226"/>
      <c r="AG153" s="226"/>
      <c r="AH153" s="226"/>
      <c r="AI153" s="226"/>
      <c r="AJ153" s="226"/>
      <c r="AK153" s="256"/>
      <c r="AL153" s="256"/>
      <c r="AM153" s="256"/>
      <c r="AN153" s="256"/>
      <c r="AO153" s="256"/>
      <c r="AP153" s="256"/>
      <c r="AQ153" s="256"/>
      <c r="AR153" s="256"/>
      <c r="AS153" s="256"/>
    </row>
    <row r="154" spans="1:49" ht="67.5" customHeight="1">
      <c r="A154" s="409" t="s">
        <v>517</v>
      </c>
      <c r="B154" s="409"/>
      <c r="C154" s="409"/>
      <c r="D154" s="409"/>
      <c r="E154" s="409"/>
      <c r="F154" s="409"/>
      <c r="G154" s="409"/>
      <c r="H154" s="409"/>
      <c r="I154" s="409"/>
      <c r="J154" s="409"/>
      <c r="K154" s="409"/>
      <c r="L154" s="409"/>
      <c r="M154" s="409"/>
      <c r="N154" s="409"/>
      <c r="O154" s="409"/>
      <c r="P154" s="409"/>
      <c r="Q154" s="409"/>
      <c r="R154" s="409"/>
      <c r="S154" s="409"/>
      <c r="T154" s="257"/>
      <c r="U154" s="257"/>
      <c r="V154" s="257"/>
      <c r="W154" s="257"/>
      <c r="X154" s="257"/>
      <c r="Y154" s="257"/>
      <c r="Z154" s="257"/>
      <c r="AA154" s="257"/>
      <c r="AB154" s="257"/>
      <c r="AC154" s="257"/>
      <c r="AD154" s="257"/>
      <c r="AE154" s="257"/>
      <c r="AF154" s="257"/>
      <c r="AG154" s="257"/>
      <c r="AH154" s="257"/>
      <c r="AI154" s="257"/>
      <c r="AJ154" s="257"/>
      <c r="AK154" s="256"/>
      <c r="AL154" s="256"/>
      <c r="AM154" s="256"/>
      <c r="AN154" s="256"/>
      <c r="AO154" s="256"/>
      <c r="AP154" s="256"/>
      <c r="AQ154" s="256"/>
      <c r="AR154" s="256"/>
      <c r="AS154" s="256"/>
    </row>
    <row r="155" spans="1:49" ht="33" customHeight="1">
      <c r="A155" s="64"/>
      <c r="B155" s="395" t="s">
        <v>276</v>
      </c>
      <c r="C155" s="396"/>
      <c r="D155" s="396"/>
      <c r="E155" s="396"/>
      <c r="F155" s="396"/>
      <c r="G155" s="396"/>
      <c r="H155" s="396"/>
      <c r="I155" s="396"/>
      <c r="J155" s="397"/>
      <c r="K155" s="395" t="s">
        <v>277</v>
      </c>
      <c r="L155" s="396"/>
      <c r="M155" s="396"/>
      <c r="N155" s="396"/>
      <c r="O155" s="396"/>
      <c r="P155" s="396"/>
      <c r="Q155" s="396"/>
      <c r="R155" s="396"/>
      <c r="S155" s="397"/>
      <c r="T155" s="256"/>
      <c r="U155" s="256"/>
      <c r="V155" s="256"/>
      <c r="W155" s="256"/>
      <c r="X155" s="256"/>
      <c r="Y155" s="256"/>
      <c r="Z155" s="256"/>
      <c r="AA155" s="256"/>
      <c r="AB155" s="256"/>
      <c r="AC155" s="256"/>
      <c r="AD155" s="256"/>
      <c r="AE155" s="256"/>
      <c r="AF155" s="256"/>
      <c r="AG155" s="256"/>
      <c r="AH155" s="256"/>
      <c r="AI155" s="256"/>
      <c r="AJ155" s="256"/>
      <c r="AK155" s="256"/>
      <c r="AL155" s="256"/>
      <c r="AM155" s="256"/>
      <c r="AN155" s="256"/>
      <c r="AO155" s="256"/>
      <c r="AP155" s="256"/>
      <c r="AQ155" s="256"/>
      <c r="AR155" s="256"/>
      <c r="AS155" s="256"/>
      <c r="AT155" s="256"/>
      <c r="AU155" s="256"/>
      <c r="AV155" s="256"/>
      <c r="AW155" s="256"/>
    </row>
    <row r="156" spans="1:49" ht="41.25" customHeight="1">
      <c r="A156" s="37" t="s">
        <v>85</v>
      </c>
      <c r="B156" s="38" t="s">
        <v>86</v>
      </c>
      <c r="C156" s="38" t="s">
        <v>364</v>
      </c>
      <c r="D156" s="89" t="s">
        <v>162</v>
      </c>
      <c r="E156" s="38" t="s">
        <v>365</v>
      </c>
      <c r="F156" s="89" t="s">
        <v>163</v>
      </c>
      <c r="G156" s="38" t="s">
        <v>366</v>
      </c>
      <c r="H156" s="89" t="s">
        <v>136</v>
      </c>
      <c r="I156" s="38" t="s">
        <v>353</v>
      </c>
      <c r="J156" s="89" t="s">
        <v>367</v>
      </c>
      <c r="K156" s="65" t="s">
        <v>86</v>
      </c>
      <c r="L156" s="65" t="s">
        <v>364</v>
      </c>
      <c r="M156" s="88" t="s">
        <v>162</v>
      </c>
      <c r="N156" s="65" t="s">
        <v>365</v>
      </c>
      <c r="O156" s="88" t="s">
        <v>163</v>
      </c>
      <c r="P156" s="65" t="s">
        <v>366</v>
      </c>
      <c r="Q156" s="259" t="s">
        <v>136</v>
      </c>
      <c r="R156" s="276" t="s">
        <v>353</v>
      </c>
      <c r="S156" s="88" t="s">
        <v>367</v>
      </c>
      <c r="T156" s="256"/>
      <c r="U156" s="256"/>
      <c r="V156" s="256"/>
      <c r="W156" s="256"/>
      <c r="X156" s="256"/>
      <c r="Y156" s="256"/>
      <c r="Z156" s="256"/>
      <c r="AA156" s="256"/>
      <c r="AB156" s="256"/>
      <c r="AC156" s="256"/>
      <c r="AD156" s="256"/>
      <c r="AE156" s="256"/>
      <c r="AF156" s="256"/>
      <c r="AG156" s="256"/>
      <c r="AH156" s="256"/>
      <c r="AI156" s="256"/>
      <c r="AJ156" s="256"/>
      <c r="AK156" s="256"/>
      <c r="AL156" s="256"/>
      <c r="AM156" s="256"/>
      <c r="AN156" s="256"/>
      <c r="AO156" s="256"/>
      <c r="AP156" s="256"/>
      <c r="AQ156" s="256"/>
      <c r="AR156" s="256"/>
      <c r="AS156" s="256"/>
      <c r="AT156" s="256"/>
      <c r="AU156" s="256"/>
      <c r="AV156" s="256"/>
      <c r="AW156" s="256"/>
    </row>
    <row r="157" spans="1:49" ht="72">
      <c r="A157" s="41"/>
      <c r="B157" s="42" t="s">
        <v>89</v>
      </c>
      <c r="C157" s="42" t="s">
        <v>181</v>
      </c>
      <c r="D157" s="91" t="s">
        <v>104</v>
      </c>
      <c r="E157" s="42" t="s">
        <v>182</v>
      </c>
      <c r="F157" s="91" t="s">
        <v>104</v>
      </c>
      <c r="G157" s="42" t="s">
        <v>183</v>
      </c>
      <c r="H157" s="91" t="s">
        <v>104</v>
      </c>
      <c r="I157" s="42" t="s">
        <v>353</v>
      </c>
      <c r="J157" s="91" t="s">
        <v>104</v>
      </c>
      <c r="K157" s="68" t="s">
        <v>89</v>
      </c>
      <c r="L157" s="68" t="s">
        <v>181</v>
      </c>
      <c r="M157" s="90" t="s">
        <v>104</v>
      </c>
      <c r="N157" s="68" t="s">
        <v>182</v>
      </c>
      <c r="O157" s="90" t="s">
        <v>104</v>
      </c>
      <c r="P157" s="68" t="s">
        <v>183</v>
      </c>
      <c r="Q157" s="273" t="s">
        <v>104</v>
      </c>
      <c r="R157" s="277" t="s">
        <v>353</v>
      </c>
      <c r="S157" s="90" t="s">
        <v>104</v>
      </c>
    </row>
    <row r="158" spans="1:49">
      <c r="A158" s="45" t="s">
        <v>424</v>
      </c>
      <c r="B158" s="191">
        <v>10994</v>
      </c>
      <c r="C158" s="193">
        <v>0.217</v>
      </c>
      <c r="D158" s="94">
        <v>7.8624575307479055E-3</v>
      </c>
      <c r="E158" s="193">
        <v>0.157</v>
      </c>
      <c r="F158" s="94">
        <v>6.9402815415828926E-3</v>
      </c>
      <c r="G158" s="193">
        <v>0.61599999999999999</v>
      </c>
      <c r="H158" s="94">
        <v>9.2755162322826542E-3</v>
      </c>
      <c r="I158" s="193">
        <v>0.01</v>
      </c>
      <c r="J158" s="94">
        <v>1.9142005459587045E-3</v>
      </c>
      <c r="K158" s="191">
        <v>10936</v>
      </c>
      <c r="L158" s="193">
        <v>0.23499999999999999</v>
      </c>
      <c r="M158" s="94">
        <v>8.1086394769137194E-3</v>
      </c>
      <c r="N158" s="193">
        <v>0.16400000000000001</v>
      </c>
      <c r="O158" s="94">
        <v>7.0823451583750634E-3</v>
      </c>
      <c r="P158" s="193">
        <v>0.58499999999999996</v>
      </c>
      <c r="Q158" s="274">
        <v>9.4216732988684944E-3</v>
      </c>
      <c r="R158" s="193">
        <v>1.6E-2</v>
      </c>
      <c r="S158" s="94">
        <v>2.4122835457088109E-3</v>
      </c>
    </row>
    <row r="159" spans="1:49">
      <c r="A159" s="49" t="s">
        <v>425</v>
      </c>
      <c r="B159" s="192">
        <v>8846</v>
      </c>
      <c r="C159" s="194">
        <v>0.27100000000000002</v>
      </c>
      <c r="D159" s="97">
        <v>9.4505885646016148E-3</v>
      </c>
      <c r="E159" s="194">
        <v>0.17199999999999999</v>
      </c>
      <c r="F159" s="97">
        <v>8.0257559714557187E-3</v>
      </c>
      <c r="G159" s="194">
        <v>0.55200000000000005</v>
      </c>
      <c r="H159" s="97">
        <v>1.0572289624566604E-2</v>
      </c>
      <c r="I159" s="194">
        <v>5.0000000000000001E-3</v>
      </c>
      <c r="J159" s="97">
        <v>1.5325384533886575E-3</v>
      </c>
      <c r="K159" s="192">
        <v>8788</v>
      </c>
      <c r="L159" s="194">
        <v>0.30599999999999999</v>
      </c>
      <c r="M159" s="97">
        <v>9.8301831780381651E-3</v>
      </c>
      <c r="N159" s="194">
        <v>0.16300000000000001</v>
      </c>
      <c r="O159" s="97">
        <v>7.8814670423614352E-3</v>
      </c>
      <c r="P159" s="194">
        <v>0.51700000000000002</v>
      </c>
      <c r="Q159" s="275">
        <v>1.065872412000966E-2</v>
      </c>
      <c r="R159" s="194">
        <v>1.4999999999999999E-2</v>
      </c>
      <c r="S159" s="97">
        <v>2.6113933540104304E-3</v>
      </c>
    </row>
    <row r="160" spans="1:49">
      <c r="A160" s="45" t="s">
        <v>426</v>
      </c>
      <c r="B160" s="191">
        <v>1981</v>
      </c>
      <c r="C160" s="193">
        <v>0.11840000000000001</v>
      </c>
      <c r="D160" s="94">
        <v>1.454379121715217E-2</v>
      </c>
      <c r="E160" s="193">
        <v>0.1258</v>
      </c>
      <c r="F160" s="94">
        <v>1.4924706173141757E-2</v>
      </c>
      <c r="G160" s="193">
        <v>0.74</v>
      </c>
      <c r="H160" s="94">
        <v>1.9702160485177807E-2</v>
      </c>
      <c r="I160" s="193">
        <v>1.5800000000000002E-2</v>
      </c>
      <c r="J160" s="94">
        <v>5.7652294295213189E-3</v>
      </c>
      <c r="K160" s="191">
        <v>1977</v>
      </c>
      <c r="L160" s="193">
        <v>0.13400000000000001</v>
      </c>
      <c r="M160" s="94">
        <v>1.5342919645146553E-2</v>
      </c>
      <c r="N160" s="193">
        <v>0.14299999999999999</v>
      </c>
      <c r="O160" s="94">
        <v>1.5763597186087424E-2</v>
      </c>
      <c r="P160" s="193">
        <v>0.70889999999999997</v>
      </c>
      <c r="Q160" s="274">
        <v>2.0421447639730615E-2</v>
      </c>
      <c r="R160" s="193">
        <v>1.41E-2</v>
      </c>
      <c r="S160" s="94">
        <v>5.4765214894881694E-3</v>
      </c>
    </row>
    <row r="161" spans="1:19">
      <c r="A161" s="49" t="s">
        <v>427</v>
      </c>
      <c r="B161" s="192">
        <v>8492</v>
      </c>
      <c r="C161" s="194">
        <v>0.215</v>
      </c>
      <c r="D161" s="97">
        <v>8.9161047144945427E-3</v>
      </c>
      <c r="E161" s="194">
        <v>0.157</v>
      </c>
      <c r="F161" s="97">
        <v>7.8971065085458036E-3</v>
      </c>
      <c r="G161" s="194">
        <v>0.61899999999999999</v>
      </c>
      <c r="H161" s="97">
        <v>1.0537627207480889E-2</v>
      </c>
      <c r="I161" s="194">
        <v>0.01</v>
      </c>
      <c r="J161" s="97">
        <v>2.1834454236020493E-3</v>
      </c>
      <c r="K161" s="192">
        <v>8458</v>
      </c>
      <c r="L161" s="194">
        <v>0.23300000000000001</v>
      </c>
      <c r="M161" s="97">
        <v>9.1928671727528662E-3</v>
      </c>
      <c r="N161" s="194">
        <v>0.16400000000000001</v>
      </c>
      <c r="O161" s="97">
        <v>8.0535523529355613E-3</v>
      </c>
      <c r="P161" s="194">
        <v>0.58699999999999997</v>
      </c>
      <c r="Q161" s="275">
        <v>1.0705179887267345E-2</v>
      </c>
      <c r="R161" s="194">
        <v>1.6E-2</v>
      </c>
      <c r="S161" s="97">
        <v>2.7471576145623807E-3</v>
      </c>
    </row>
    <row r="162" spans="1:19">
      <c r="A162" s="45" t="s">
        <v>428</v>
      </c>
      <c r="B162" s="191">
        <v>2504</v>
      </c>
      <c r="C162" s="193">
        <v>0.52400000000000002</v>
      </c>
      <c r="D162" s="94">
        <v>1.9945133507865545E-2</v>
      </c>
      <c r="E162" s="193">
        <v>0.154</v>
      </c>
      <c r="F162" s="94">
        <v>1.4435997707838636E-2</v>
      </c>
      <c r="G162" s="193">
        <v>0.317</v>
      </c>
      <c r="H162" s="94">
        <v>1.8587168568019244E-2</v>
      </c>
      <c r="I162" s="193">
        <v>4.0000000000000001E-3</v>
      </c>
      <c r="J162" s="94">
        <v>2.7576526094690848E-3</v>
      </c>
      <c r="K162" s="191">
        <v>2480</v>
      </c>
      <c r="L162" s="193">
        <v>0.46</v>
      </c>
      <c r="M162" s="94">
        <v>2.0000207278721763E-2</v>
      </c>
      <c r="N162" s="193">
        <v>0.17299999999999999</v>
      </c>
      <c r="O162" s="94">
        <v>1.5196782201118834E-2</v>
      </c>
      <c r="P162" s="193">
        <v>0.34200000000000003</v>
      </c>
      <c r="Q162" s="274">
        <v>1.9039594925176574E-2</v>
      </c>
      <c r="R162" s="193">
        <v>2.5000000000000001E-2</v>
      </c>
      <c r="S162" s="94">
        <v>6.3577036206546658E-3</v>
      </c>
    </row>
    <row r="163" spans="1:19">
      <c r="A163" s="49" t="s">
        <v>429</v>
      </c>
      <c r="B163" s="192">
        <v>618</v>
      </c>
      <c r="C163" s="194">
        <v>0.46300000000000002</v>
      </c>
      <c r="D163" s="97">
        <v>3.9987823797923976E-2</v>
      </c>
      <c r="E163" s="194">
        <v>0.189</v>
      </c>
      <c r="F163" s="97">
        <v>3.152286976669437E-2</v>
      </c>
      <c r="G163" s="194">
        <v>0.33700000000000002</v>
      </c>
      <c r="H163" s="97">
        <v>3.7934757385535894E-2</v>
      </c>
      <c r="I163" s="194">
        <v>1.0999999999999999E-2</v>
      </c>
      <c r="J163" s="97">
        <v>9.4697426939747194E-3</v>
      </c>
      <c r="K163" s="192">
        <v>609</v>
      </c>
      <c r="L163" s="194">
        <v>0.39100000000000001</v>
      </c>
      <c r="M163" s="97">
        <v>3.9430989373724863E-2</v>
      </c>
      <c r="N163" s="194">
        <v>0.17299999999999999</v>
      </c>
      <c r="O163" s="97">
        <v>3.0702692788053963E-2</v>
      </c>
      <c r="P163" s="194">
        <v>0.41499999999999998</v>
      </c>
      <c r="Q163" s="275">
        <v>3.9809414048851056E-2</v>
      </c>
      <c r="R163" s="194">
        <v>2.1000000000000001E-2</v>
      </c>
      <c r="S163" s="97">
        <v>1.2394696177554723E-2</v>
      </c>
    </row>
    <row r="164" spans="1:19">
      <c r="A164" s="45" t="s">
        <v>430</v>
      </c>
      <c r="B164" s="191">
        <v>1580</v>
      </c>
      <c r="C164" s="193">
        <v>0.55800000000000005</v>
      </c>
      <c r="D164" s="94">
        <v>2.4957183964383154E-2</v>
      </c>
      <c r="E164" s="193">
        <v>0.14199999999999999</v>
      </c>
      <c r="F164" s="94">
        <v>1.7586903676022649E-2</v>
      </c>
      <c r="G164" s="193">
        <v>0.29799999999999999</v>
      </c>
      <c r="H164" s="94">
        <v>2.2995488172147038E-2</v>
      </c>
      <c r="I164" s="193">
        <v>2E-3</v>
      </c>
      <c r="J164" s="94">
        <v>2.8634601330795387E-3</v>
      </c>
      <c r="K164" s="191">
        <v>1567</v>
      </c>
      <c r="L164" s="193">
        <v>0.48399999999999999</v>
      </c>
      <c r="M164" s="94">
        <v>2.5216834422729678E-2</v>
      </c>
      <c r="N164" s="193">
        <v>0.17799999999999999</v>
      </c>
      <c r="O164" s="94">
        <v>1.9336105062664286E-2</v>
      </c>
      <c r="P164" s="193">
        <v>0.313</v>
      </c>
      <c r="Q164" s="274">
        <v>2.3408412523487871E-2</v>
      </c>
      <c r="R164" s="193">
        <v>2.5000000000000001E-2</v>
      </c>
      <c r="S164" s="94">
        <v>8.0612687281427942E-3</v>
      </c>
    </row>
    <row r="165" spans="1:19">
      <c r="A165" s="49" t="s">
        <v>431</v>
      </c>
      <c r="B165" s="192">
        <v>240</v>
      </c>
      <c r="C165" s="194">
        <v>0.51800000000000002</v>
      </c>
      <c r="D165" s="97">
        <v>6.3978292409459986E-2</v>
      </c>
      <c r="E165" s="194">
        <v>0.16400000000000001</v>
      </c>
      <c r="F165" s="97">
        <v>4.8039459184927746E-2</v>
      </c>
      <c r="G165" s="194">
        <v>0.315</v>
      </c>
      <c r="H165" s="97">
        <v>5.9628348048592565E-2</v>
      </c>
      <c r="I165" s="194">
        <v>2E-3</v>
      </c>
      <c r="J165" s="97">
        <v>1.2842442992663686E-2</v>
      </c>
      <c r="K165" s="192">
        <v>240</v>
      </c>
      <c r="L165" s="194">
        <v>0.49399999999999999</v>
      </c>
      <c r="M165" s="97">
        <v>6.4013980370204213E-2</v>
      </c>
      <c r="N165" s="194">
        <v>0.16800000000000001</v>
      </c>
      <c r="O165" s="97">
        <v>4.8478536656004087E-2</v>
      </c>
      <c r="P165" s="194">
        <v>0.33800000000000002</v>
      </c>
      <c r="Q165" s="275">
        <v>6.0680486245935895E-2</v>
      </c>
      <c r="R165" s="194">
        <v>0</v>
      </c>
      <c r="S165" s="97">
        <v>1.1544308846408655E-2</v>
      </c>
    </row>
    <row r="166" spans="1:19">
      <c r="A166" s="45" t="s">
        <v>432</v>
      </c>
      <c r="B166" s="191">
        <v>553</v>
      </c>
      <c r="C166" s="193">
        <v>0.53300000000000003</v>
      </c>
      <c r="D166" s="94">
        <v>4.2280297882448643E-2</v>
      </c>
      <c r="E166" s="193">
        <v>0.184</v>
      </c>
      <c r="F166" s="94">
        <v>3.2992360550357869E-2</v>
      </c>
      <c r="G166" s="193">
        <v>0.28199999999999997</v>
      </c>
      <c r="H166" s="94">
        <v>3.8195953241676683E-2</v>
      </c>
      <c r="I166" s="193">
        <v>1E-3</v>
      </c>
      <c r="J166" s="94">
        <v>5.7240395953071007E-3</v>
      </c>
      <c r="K166" s="191">
        <v>552</v>
      </c>
      <c r="L166" s="193">
        <v>0.50700000000000001</v>
      </c>
      <c r="M166" s="94">
        <v>4.2405349745632676E-2</v>
      </c>
      <c r="N166" s="193">
        <v>0.191</v>
      </c>
      <c r="O166" s="94">
        <v>3.3488738095536756E-2</v>
      </c>
      <c r="P166" s="193">
        <v>0.29499999999999998</v>
      </c>
      <c r="Q166" s="274">
        <v>3.8737030892090726E-2</v>
      </c>
      <c r="R166" s="193">
        <v>7.0000000000000001E-3</v>
      </c>
      <c r="S166" s="94">
        <v>8.6646260048726144E-3</v>
      </c>
    </row>
    <row r="167" spans="1:19">
      <c r="A167" s="49" t="s">
        <v>433</v>
      </c>
      <c r="B167" s="192">
        <v>716</v>
      </c>
      <c r="C167" s="194">
        <v>0.54800000000000004</v>
      </c>
      <c r="D167" s="97">
        <v>3.7097583695564089E-2</v>
      </c>
      <c r="E167" s="194">
        <v>0.13700000000000001</v>
      </c>
      <c r="F167" s="97">
        <v>2.5786628000612551E-2</v>
      </c>
      <c r="G167" s="194">
        <v>0.311</v>
      </c>
      <c r="H167" s="97">
        <v>3.4534587935704242E-2</v>
      </c>
      <c r="I167" s="194">
        <v>5.0000000000000001E-3</v>
      </c>
      <c r="J167" s="97">
        <v>6.5361972889440845E-3</v>
      </c>
      <c r="K167" s="192">
        <v>713</v>
      </c>
      <c r="L167" s="194">
        <v>0.47499999999999998</v>
      </c>
      <c r="M167" s="97">
        <v>3.7299493084661808E-2</v>
      </c>
      <c r="N167" s="194">
        <v>0.17499999999999999</v>
      </c>
      <c r="O167" s="97">
        <v>2.8495538739067447E-2</v>
      </c>
      <c r="P167" s="194">
        <v>0.33900000000000002</v>
      </c>
      <c r="Q167" s="275">
        <v>3.5379387062913652E-2</v>
      </c>
      <c r="R167" s="194">
        <v>1.0999999999999999E-2</v>
      </c>
      <c r="S167" s="97">
        <v>8.6910635806734197E-3</v>
      </c>
    </row>
    <row r="168" spans="1:19">
      <c r="A168" s="45" t="s">
        <v>434</v>
      </c>
      <c r="B168" s="191">
        <v>973</v>
      </c>
      <c r="C168" s="193">
        <v>0.49299999999999999</v>
      </c>
      <c r="D168" s="94">
        <v>3.1989724578936944E-2</v>
      </c>
      <c r="E168" s="193">
        <v>0.13100000000000001</v>
      </c>
      <c r="F168" s="94">
        <v>2.1694034014789899E-2</v>
      </c>
      <c r="G168" s="193">
        <v>0.36599999999999999</v>
      </c>
      <c r="H168" s="94">
        <v>3.0832245194086959E-2</v>
      </c>
      <c r="I168" s="193">
        <v>0.01</v>
      </c>
      <c r="J168" s="94">
        <v>6.9688571218379106E-3</v>
      </c>
      <c r="K168" s="191">
        <v>954</v>
      </c>
      <c r="L168" s="193">
        <v>0.37</v>
      </c>
      <c r="M168" s="94">
        <v>3.1206821207099406E-2</v>
      </c>
      <c r="N168" s="193">
        <v>0.155</v>
      </c>
      <c r="O168" s="94">
        <v>2.3473600031579313E-2</v>
      </c>
      <c r="P168" s="193">
        <v>0.40300000000000002</v>
      </c>
      <c r="Q168" s="274">
        <v>3.169988494618959E-2</v>
      </c>
      <c r="R168" s="193">
        <v>7.1999999999999995E-2</v>
      </c>
      <c r="S168" s="94">
        <v>1.6892454453195489E-2</v>
      </c>
    </row>
    <row r="169" spans="1:19">
      <c r="A169" s="49" t="s">
        <v>435</v>
      </c>
      <c r="B169" s="192">
        <v>733</v>
      </c>
      <c r="C169" s="194">
        <v>0.57799999999999996</v>
      </c>
      <c r="D169" s="97">
        <v>3.6389410651279819E-2</v>
      </c>
      <c r="E169" s="194">
        <v>0.16200000000000001</v>
      </c>
      <c r="F169" s="97">
        <v>2.7267480786953749E-2</v>
      </c>
      <c r="G169" s="194">
        <v>0.25600000000000001</v>
      </c>
      <c r="H169" s="97">
        <v>3.2205960212324865E-2</v>
      </c>
      <c r="I169" s="194">
        <v>4.0000000000000001E-3</v>
      </c>
      <c r="J169" s="97">
        <v>6.0064243224246892E-3</v>
      </c>
      <c r="K169" s="192">
        <v>729</v>
      </c>
      <c r="L169" s="194">
        <v>0.51100000000000001</v>
      </c>
      <c r="M169" s="97">
        <v>3.6927000514103643E-2</v>
      </c>
      <c r="N169" s="194">
        <v>0.192</v>
      </c>
      <c r="O169" s="97">
        <v>2.9192733556086412E-2</v>
      </c>
      <c r="P169" s="194">
        <v>0.27200000000000002</v>
      </c>
      <c r="Q169" s="275">
        <v>3.2919083733413186E-2</v>
      </c>
      <c r="R169" s="194">
        <v>2.5999999999999999E-2</v>
      </c>
      <c r="S169" s="97">
        <v>1.2310098529812087E-2</v>
      </c>
    </row>
    <row r="170" spans="1:19">
      <c r="A170" s="45" t="s">
        <v>436</v>
      </c>
      <c r="B170" s="191">
        <v>130</v>
      </c>
      <c r="C170" s="193">
        <v>0.40300000000000002</v>
      </c>
      <c r="D170" s="94">
        <v>8.4843024021870161E-2</v>
      </c>
      <c r="E170" s="193">
        <v>0.26100000000000001</v>
      </c>
      <c r="F170" s="94">
        <v>7.6536657944909992E-2</v>
      </c>
      <c r="G170" s="193">
        <v>0.33200000000000002</v>
      </c>
      <c r="H170" s="94">
        <v>8.1668398581287799E-2</v>
      </c>
      <c r="I170" s="193">
        <v>3.0000000000000001E-3</v>
      </c>
      <c r="J170" s="94">
        <v>2.2867368648591905E-2</v>
      </c>
      <c r="K170" s="191">
        <v>133</v>
      </c>
      <c r="L170" s="193">
        <v>0.31900000000000001</v>
      </c>
      <c r="M170" s="94">
        <v>7.9986152696043325E-2</v>
      </c>
      <c r="N170" s="193">
        <v>0.216</v>
      </c>
      <c r="O170" s="94">
        <v>7.1273111531180641E-2</v>
      </c>
      <c r="P170" s="193">
        <v>0.436</v>
      </c>
      <c r="Q170" s="274">
        <v>8.4773582644335044E-2</v>
      </c>
      <c r="R170" s="193">
        <v>2.9000000000000001E-2</v>
      </c>
      <c r="S170" s="94">
        <v>3.4566810921650738E-2</v>
      </c>
    </row>
    <row r="171" spans="1:19">
      <c r="A171" s="49" t="s">
        <v>437</v>
      </c>
      <c r="B171" s="192">
        <v>155</v>
      </c>
      <c r="C171" s="194">
        <v>0.48399999999999999</v>
      </c>
      <c r="D171" s="97">
        <v>7.9266562221379983E-2</v>
      </c>
      <c r="E171" s="194">
        <v>0.155</v>
      </c>
      <c r="F171" s="97">
        <v>5.8683320237766942E-2</v>
      </c>
      <c r="G171" s="194">
        <v>0.34899999999999998</v>
      </c>
      <c r="H171" s="97">
        <v>7.5790474117080731E-2</v>
      </c>
      <c r="I171" s="194">
        <v>1.2E-2</v>
      </c>
      <c r="J171" s="97">
        <v>2.4411240818115573E-2</v>
      </c>
      <c r="K171" s="192">
        <v>154</v>
      </c>
      <c r="L171" s="194">
        <v>0.39500000000000002</v>
      </c>
      <c r="M171" s="97">
        <v>7.7871390510707517E-2</v>
      </c>
      <c r="N171" s="194">
        <v>0.14299999999999999</v>
      </c>
      <c r="O171" s="97">
        <v>5.713019307202933E-2</v>
      </c>
      <c r="P171" s="194">
        <v>0.41599999999999998</v>
      </c>
      <c r="Q171" s="275">
        <v>7.8481916561101747E-2</v>
      </c>
      <c r="R171" s="194">
        <v>4.5999999999999999E-2</v>
      </c>
      <c r="S171" s="97">
        <v>3.7038518675480428E-2</v>
      </c>
    </row>
    <row r="172" spans="1:19" ht="25.5">
      <c r="A172" s="45" t="s">
        <v>438</v>
      </c>
      <c r="B172" s="191">
        <v>256</v>
      </c>
      <c r="C172" s="193">
        <v>0.41399999999999998</v>
      </c>
      <c r="D172" s="94">
        <v>6.112154582950332E-2</v>
      </c>
      <c r="E172" s="193">
        <v>0.16900000000000001</v>
      </c>
      <c r="F172" s="94">
        <v>4.7032587081834845E-2</v>
      </c>
      <c r="G172" s="193">
        <v>0.40699999999999997</v>
      </c>
      <c r="H172" s="94">
        <v>6.0968475583866151E-2</v>
      </c>
      <c r="I172" s="193">
        <v>1.0999999999999999E-2</v>
      </c>
      <c r="J172" s="94">
        <v>1.672399130883934E-2</v>
      </c>
      <c r="K172" s="191">
        <v>253</v>
      </c>
      <c r="L172" s="193">
        <v>0.379</v>
      </c>
      <c r="M172" s="94">
        <v>6.0582285332194008E-2</v>
      </c>
      <c r="N172" s="193">
        <v>0.17</v>
      </c>
      <c r="O172" s="94">
        <v>4.741792054053192E-2</v>
      </c>
      <c r="P172" s="193">
        <v>0.441</v>
      </c>
      <c r="Q172" s="274">
        <v>6.1955992254565148E-2</v>
      </c>
      <c r="R172" s="193">
        <v>8.9999999999999993E-3</v>
      </c>
      <c r="S172" s="94">
        <v>1.5959611672935171E-2</v>
      </c>
    </row>
    <row r="173" spans="1:19">
      <c r="A173" s="49" t="s">
        <v>439</v>
      </c>
      <c r="B173" s="192">
        <v>404</v>
      </c>
      <c r="C173" s="194">
        <v>0.54200000000000004</v>
      </c>
      <c r="D173" s="97">
        <v>4.933582585301706E-2</v>
      </c>
      <c r="E173" s="194">
        <v>0.12</v>
      </c>
      <c r="F173" s="97">
        <v>3.2602401762816542E-2</v>
      </c>
      <c r="G173" s="194">
        <v>0.33800000000000002</v>
      </c>
      <c r="H173" s="97">
        <v>4.6890367101371878E-2</v>
      </c>
      <c r="I173" s="194">
        <v>1E-3</v>
      </c>
      <c r="J173" s="97">
        <v>7.5779862749177753E-3</v>
      </c>
      <c r="K173" s="192">
        <v>400</v>
      </c>
      <c r="L173" s="194">
        <v>0.46400000000000002</v>
      </c>
      <c r="M173" s="97">
        <v>4.9625282633304298E-2</v>
      </c>
      <c r="N173" s="194">
        <v>0.17100000000000001</v>
      </c>
      <c r="O173" s="97">
        <v>3.7744814779438425E-2</v>
      </c>
      <c r="P173" s="194">
        <v>0.35199999999999998</v>
      </c>
      <c r="Q173" s="275">
        <v>4.7567315025660258E-2</v>
      </c>
      <c r="R173" s="194">
        <v>1.2E-2</v>
      </c>
      <c r="S173" s="97">
        <v>1.2800207922985691E-2</v>
      </c>
    </row>
    <row r="174" spans="1:19">
      <c r="A174" s="45" t="s">
        <v>440</v>
      </c>
      <c r="B174" s="191">
        <v>410</v>
      </c>
      <c r="C174" s="193">
        <v>0.61299999999999999</v>
      </c>
      <c r="D174" s="94">
        <v>4.7900516064463501E-2</v>
      </c>
      <c r="E174" s="193">
        <v>0.13900000000000001</v>
      </c>
      <c r="F174" s="94">
        <v>3.4358878155447026E-2</v>
      </c>
      <c r="G174" s="193">
        <v>0.24399999999999999</v>
      </c>
      <c r="H174" s="94">
        <v>4.2360801117305384E-2</v>
      </c>
      <c r="I174" s="193">
        <v>4.0000000000000001E-3</v>
      </c>
      <c r="J174" s="94">
        <v>9.1761961061639797E-3</v>
      </c>
      <c r="K174" s="191">
        <v>402</v>
      </c>
      <c r="L174" s="193">
        <v>0.53400000000000003</v>
      </c>
      <c r="M174" s="94">
        <v>4.9516546084358348E-2</v>
      </c>
      <c r="N174" s="193">
        <v>0.14399999999999999</v>
      </c>
      <c r="O174" s="94">
        <v>3.5198096582130502E-2</v>
      </c>
      <c r="P174" s="193">
        <v>0.29399999999999998</v>
      </c>
      <c r="Q174" s="274">
        <v>4.5311843213077872E-2</v>
      </c>
      <c r="R174" s="193">
        <v>2.8000000000000001E-2</v>
      </c>
      <c r="S174" s="94">
        <v>1.764013776339261E-2</v>
      </c>
    </row>
    <row r="175" spans="1:19">
      <c r="A175" s="49" t="s">
        <v>441</v>
      </c>
      <c r="B175" s="192">
        <v>282</v>
      </c>
      <c r="C175" s="194">
        <v>0.441</v>
      </c>
      <c r="D175" s="97">
        <v>5.8729638901808025E-2</v>
      </c>
      <c r="E175" s="194">
        <v>0.16</v>
      </c>
      <c r="F175" s="97">
        <v>4.3870590700422235E-2</v>
      </c>
      <c r="G175" s="194">
        <v>0.39700000000000002</v>
      </c>
      <c r="H175" s="97">
        <v>5.7898594742811817E-2</v>
      </c>
      <c r="I175" s="194">
        <v>2E-3</v>
      </c>
      <c r="J175" s="97">
        <v>1.1147242823271966E-2</v>
      </c>
      <c r="K175" s="192">
        <v>280</v>
      </c>
      <c r="L175" s="194">
        <v>0.441</v>
      </c>
      <c r="M175" s="97">
        <v>5.893615139157983E-2</v>
      </c>
      <c r="N175" s="194">
        <v>0.17599999999999999</v>
      </c>
      <c r="O175" s="97">
        <v>4.5650269731079128E-2</v>
      </c>
      <c r="P175" s="194">
        <v>0.35499999999999998</v>
      </c>
      <c r="Q175" s="275">
        <v>5.6861963167261116E-2</v>
      </c>
      <c r="R175" s="194">
        <v>2.8000000000000001E-2</v>
      </c>
      <c r="S175" s="97">
        <v>2.1704614693307575E-2</v>
      </c>
    </row>
    <row r="176" spans="1:19">
      <c r="A176" s="45" t="s">
        <v>442</v>
      </c>
      <c r="B176" s="191">
        <v>770</v>
      </c>
      <c r="C176" s="193">
        <v>0.55200000000000005</v>
      </c>
      <c r="D176" s="94">
        <v>3.5751357546551295E-2</v>
      </c>
      <c r="E176" s="193">
        <v>0.15</v>
      </c>
      <c r="F176" s="94">
        <v>2.5796147596696198E-2</v>
      </c>
      <c r="G176" s="193">
        <v>0.29099999999999998</v>
      </c>
      <c r="H176" s="94">
        <v>3.2689069725027192E-2</v>
      </c>
      <c r="I176" s="193">
        <v>6.0000000000000001E-3</v>
      </c>
      <c r="J176" s="94">
        <v>6.6199207054915346E-3</v>
      </c>
      <c r="K176" s="191">
        <v>762</v>
      </c>
      <c r="L176" s="193">
        <v>0.47199999999999998</v>
      </c>
      <c r="M176" s="94">
        <v>3.607536111296427E-2</v>
      </c>
      <c r="N176" s="193">
        <v>0.18099999999999999</v>
      </c>
      <c r="O176" s="94">
        <v>2.7921841978637747E-2</v>
      </c>
      <c r="P176" s="193">
        <v>0.32700000000000001</v>
      </c>
      <c r="Q176" s="274">
        <v>3.3923794055028621E-2</v>
      </c>
      <c r="R176" s="193">
        <v>0.02</v>
      </c>
      <c r="S176" s="94">
        <v>1.0718321747858972E-2</v>
      </c>
    </row>
    <row r="177" spans="1:19">
      <c r="A177" s="49" t="s">
        <v>443</v>
      </c>
      <c r="B177" s="192">
        <v>1012</v>
      </c>
      <c r="C177" s="194">
        <v>0.46200000000000002</v>
      </c>
      <c r="D177" s="97">
        <v>3.1282768501286778E-2</v>
      </c>
      <c r="E177" s="194">
        <v>0.16600000000000001</v>
      </c>
      <c r="F177" s="97">
        <v>2.34202167680388E-2</v>
      </c>
      <c r="G177" s="194">
        <v>0.36699999999999999</v>
      </c>
      <c r="H177" s="97">
        <v>3.0251570485979457E-2</v>
      </c>
      <c r="I177" s="194">
        <v>5.0000000000000001E-3</v>
      </c>
      <c r="J177" s="97">
        <v>5.2122405951674873E-3</v>
      </c>
      <c r="K177" s="192">
        <v>997</v>
      </c>
      <c r="L177" s="194">
        <v>0.41299999999999998</v>
      </c>
      <c r="M177" s="97">
        <v>3.1128708391117796E-2</v>
      </c>
      <c r="N177" s="194">
        <v>0.189</v>
      </c>
      <c r="O177" s="97">
        <v>2.4811009975849445E-2</v>
      </c>
      <c r="P177" s="194">
        <v>0.36699999999999999</v>
      </c>
      <c r="Q177" s="275">
        <v>3.0477524066253703E-2</v>
      </c>
      <c r="R177" s="194">
        <v>3.1E-2</v>
      </c>
      <c r="S177" s="97">
        <v>1.1271496096982322E-2</v>
      </c>
    </row>
    <row r="178" spans="1:19">
      <c r="A178" s="45" t="s">
        <v>444</v>
      </c>
      <c r="B178" s="191">
        <v>277</v>
      </c>
      <c r="C178" s="193">
        <v>0.60899999999999999</v>
      </c>
      <c r="D178" s="94">
        <v>5.8261264747789324E-2</v>
      </c>
      <c r="E178" s="193">
        <v>0.14499999999999999</v>
      </c>
      <c r="F178" s="94">
        <v>4.2608432109288913E-2</v>
      </c>
      <c r="G178" s="193">
        <v>0.24099999999999999</v>
      </c>
      <c r="H178" s="94">
        <v>5.1291531093390935E-2</v>
      </c>
      <c r="I178" s="193">
        <v>5.0000000000000001E-3</v>
      </c>
      <c r="J178" s="94">
        <v>1.3015813477947695E-2</v>
      </c>
      <c r="K178" s="191">
        <v>280</v>
      </c>
      <c r="L178" s="193">
        <v>0.52300000000000002</v>
      </c>
      <c r="M178" s="94">
        <v>5.9278026766325639E-2</v>
      </c>
      <c r="N178" s="193">
        <v>0.156</v>
      </c>
      <c r="O178" s="94">
        <v>4.360093256259822E-2</v>
      </c>
      <c r="P178" s="193">
        <v>0.29499999999999998</v>
      </c>
      <c r="Q178" s="274">
        <v>5.4275051485608315E-2</v>
      </c>
      <c r="R178" s="193">
        <v>2.5999999999999999E-2</v>
      </c>
      <c r="S178" s="94">
        <v>2.1099473219584757E-2</v>
      </c>
    </row>
    <row r="179" spans="1:19">
      <c r="A179" s="49" t="s">
        <v>445</v>
      </c>
      <c r="B179" s="192">
        <v>192</v>
      </c>
      <c r="C179" s="194">
        <v>0.55200000000000005</v>
      </c>
      <c r="D179" s="97">
        <v>7.105692474398155E-2</v>
      </c>
      <c r="E179" s="194">
        <v>0.126</v>
      </c>
      <c r="F179" s="97">
        <v>4.8608172466694279E-2</v>
      </c>
      <c r="G179" s="194">
        <v>0.31900000000000001</v>
      </c>
      <c r="H179" s="97">
        <v>6.6786675156129433E-2</v>
      </c>
      <c r="I179" s="194">
        <v>3.0000000000000001E-3</v>
      </c>
      <c r="J179" s="97">
        <v>1.6269492201964622E-2</v>
      </c>
      <c r="K179" s="192">
        <v>188</v>
      </c>
      <c r="L179" s="194">
        <v>0.505</v>
      </c>
      <c r="M179" s="97">
        <v>7.2165323912061499E-2</v>
      </c>
      <c r="N179" s="194">
        <v>0.17100000000000001</v>
      </c>
      <c r="O179" s="97">
        <v>5.519323291589065E-2</v>
      </c>
      <c r="P179" s="194">
        <v>0.31</v>
      </c>
      <c r="Q179" s="275">
        <v>6.6987016506914868E-2</v>
      </c>
      <c r="R179" s="194">
        <v>1.4999999999999999E-2</v>
      </c>
      <c r="S179" s="97">
        <v>2.2580387638132124E-2</v>
      </c>
    </row>
    <row r="180" spans="1:19">
      <c r="A180" s="45" t="s">
        <v>446</v>
      </c>
      <c r="B180" s="191">
        <v>165</v>
      </c>
      <c r="C180" s="193">
        <v>0.46200000000000002</v>
      </c>
      <c r="D180" s="94">
        <v>7.6711022497726711E-2</v>
      </c>
      <c r="E180" s="193">
        <v>0.19700000000000001</v>
      </c>
      <c r="F180" s="94">
        <v>6.2014611058104858E-2</v>
      </c>
      <c r="G180" s="193">
        <v>0.34100000000000003</v>
      </c>
      <c r="H180" s="94">
        <v>7.3121698217834485E-2</v>
      </c>
      <c r="I180" s="193">
        <v>0</v>
      </c>
      <c r="J180" s="94">
        <v>1.6636929342282263E-2</v>
      </c>
      <c r="K180" s="191">
        <v>166</v>
      </c>
      <c r="L180" s="193">
        <v>0.433</v>
      </c>
      <c r="M180" s="94">
        <v>7.6037105771467675E-2</v>
      </c>
      <c r="N180" s="193">
        <v>0.153</v>
      </c>
      <c r="O180" s="94">
        <v>5.6399967346717206E-2</v>
      </c>
      <c r="P180" s="193">
        <v>0.379</v>
      </c>
      <c r="Q180" s="274">
        <v>7.4524355670020748E-2</v>
      </c>
      <c r="R180" s="193">
        <v>3.5000000000000003E-2</v>
      </c>
      <c r="S180" s="94">
        <v>3.2113982578634792E-2</v>
      </c>
    </row>
    <row r="181" spans="1:19">
      <c r="A181" s="49" t="s">
        <v>447</v>
      </c>
      <c r="B181" s="192">
        <v>78</v>
      </c>
      <c r="C181" s="194">
        <v>0.318</v>
      </c>
      <c r="D181" s="97">
        <v>0.10360073217698444</v>
      </c>
      <c r="E181" s="194">
        <v>0.125</v>
      </c>
      <c r="F181" s="97">
        <v>7.7384024930611389E-2</v>
      </c>
      <c r="G181" s="194">
        <v>0.55700000000000005</v>
      </c>
      <c r="H181" s="97">
        <v>0.10978032266199556</v>
      </c>
      <c r="I181" s="194">
        <v>0</v>
      </c>
      <c r="J181" s="97">
        <v>3.406977052534528E-2</v>
      </c>
      <c r="K181" s="192">
        <v>77</v>
      </c>
      <c r="L181" s="194">
        <v>0.24199999999999999</v>
      </c>
      <c r="M181" s="97">
        <v>9.6825640861687656E-2</v>
      </c>
      <c r="N181" s="194">
        <v>0.21099999999999999</v>
      </c>
      <c r="O181" s="97">
        <v>9.2835792625661939E-2</v>
      </c>
      <c r="P181" s="194">
        <v>0.53900000000000003</v>
      </c>
      <c r="Q181" s="275">
        <v>0.1108052485790684</v>
      </c>
      <c r="R181" s="194">
        <v>8.0000000000000002E-3</v>
      </c>
      <c r="S181" s="97">
        <v>3.9285749963749311E-2</v>
      </c>
    </row>
    <row r="183" spans="1:19" ht="18.75">
      <c r="A183" s="335" t="s">
        <v>421</v>
      </c>
      <c r="B183" s="335"/>
      <c r="C183" s="335"/>
      <c r="D183" s="335"/>
      <c r="E183" s="226"/>
      <c r="F183" s="226"/>
      <c r="G183" s="226"/>
      <c r="H183" s="226"/>
      <c r="I183" s="226"/>
      <c r="J183" s="248"/>
    </row>
    <row r="184" spans="1:19" ht="147" customHeight="1">
      <c r="A184" s="404" t="s">
        <v>500</v>
      </c>
      <c r="B184" s="404"/>
      <c r="C184" s="404"/>
      <c r="D184" s="404"/>
      <c r="E184" s="278"/>
      <c r="F184" s="278"/>
      <c r="G184" s="278"/>
      <c r="H184" s="278"/>
      <c r="I184" s="278"/>
    </row>
    <row r="185" spans="1:19" ht="36" customHeight="1">
      <c r="A185" s="383" t="s">
        <v>166</v>
      </c>
      <c r="B185" s="383"/>
      <c r="C185" s="383"/>
      <c r="D185" s="383"/>
    </row>
    <row r="186" spans="1:19" ht="40.5" customHeight="1">
      <c r="A186" s="37" t="s">
        <v>85</v>
      </c>
      <c r="B186" s="38" t="s">
        <v>86</v>
      </c>
      <c r="C186" s="39" t="s">
        <v>87</v>
      </c>
      <c r="D186" s="40" t="s">
        <v>88</v>
      </c>
    </row>
    <row r="187" spans="1:19" ht="72">
      <c r="A187" s="41"/>
      <c r="B187" s="42" t="s">
        <v>89</v>
      </c>
      <c r="C187" s="125" t="s">
        <v>167</v>
      </c>
      <c r="D187" s="44" t="s">
        <v>91</v>
      </c>
    </row>
    <row r="188" spans="1:19">
      <c r="A188" s="45" t="s">
        <v>424</v>
      </c>
      <c r="B188" s="195">
        <v>10992</v>
      </c>
      <c r="C188" s="84">
        <v>3.79</v>
      </c>
      <c r="D188" s="85">
        <v>1.9599999999999999E-2</v>
      </c>
    </row>
    <row r="189" spans="1:19">
      <c r="A189" s="49" t="s">
        <v>425</v>
      </c>
      <c r="B189" s="49">
        <v>8875</v>
      </c>
      <c r="C189" s="199">
        <v>3.72</v>
      </c>
      <c r="D189" s="200">
        <v>1.9599999999999999E-2</v>
      </c>
    </row>
    <row r="190" spans="1:19">
      <c r="A190" s="45" t="s">
        <v>426</v>
      </c>
      <c r="B190" s="53">
        <v>1959</v>
      </c>
      <c r="C190" s="84">
        <v>4.0999999999999996</v>
      </c>
      <c r="D190" s="85">
        <v>5.8799999999999998E-2</v>
      </c>
    </row>
    <row r="191" spans="1:19">
      <c r="A191" s="49" t="s">
        <v>427</v>
      </c>
      <c r="B191" s="49">
        <v>8475</v>
      </c>
      <c r="C191" s="199">
        <v>3.79</v>
      </c>
      <c r="D191" s="200">
        <v>1.9599999999999999E-2</v>
      </c>
    </row>
    <row r="192" spans="1:19">
      <c r="A192" s="45" t="s">
        <v>428</v>
      </c>
      <c r="B192" s="53">
        <v>2518</v>
      </c>
      <c r="C192" s="84">
        <v>3.96</v>
      </c>
      <c r="D192" s="85">
        <v>5.8799999999999998E-2</v>
      </c>
    </row>
    <row r="193" spans="1:4">
      <c r="A193" s="49" t="s">
        <v>429</v>
      </c>
      <c r="B193" s="49">
        <v>620</v>
      </c>
      <c r="C193" s="199">
        <v>3.91</v>
      </c>
      <c r="D193" s="200">
        <v>9.8000000000000004E-2</v>
      </c>
    </row>
    <row r="194" spans="1:4">
      <c r="A194" s="45" t="s">
        <v>430</v>
      </c>
      <c r="B194" s="53">
        <v>1590</v>
      </c>
      <c r="C194" s="84">
        <v>4.05</v>
      </c>
      <c r="D194" s="85">
        <v>5.8799999999999998E-2</v>
      </c>
    </row>
    <row r="195" spans="1:4">
      <c r="A195" s="49" t="s">
        <v>431</v>
      </c>
      <c r="B195" s="49">
        <v>240</v>
      </c>
      <c r="C195" s="199">
        <v>3.73</v>
      </c>
      <c r="D195" s="200">
        <v>0.1764</v>
      </c>
    </row>
    <row r="196" spans="1:4">
      <c r="A196" s="45" t="s">
        <v>432</v>
      </c>
      <c r="B196" s="53">
        <v>554</v>
      </c>
      <c r="C196" s="84">
        <v>3.97</v>
      </c>
      <c r="D196" s="85">
        <v>9.8000000000000004E-2</v>
      </c>
    </row>
    <row r="197" spans="1:4">
      <c r="A197" s="49" t="s">
        <v>433</v>
      </c>
      <c r="B197" s="49">
        <v>721</v>
      </c>
      <c r="C197" s="199">
        <v>4</v>
      </c>
      <c r="D197" s="200">
        <v>9.8000000000000004E-2</v>
      </c>
    </row>
    <row r="198" spans="1:4">
      <c r="A198" s="45" t="s">
        <v>434</v>
      </c>
      <c r="B198" s="195">
        <v>981</v>
      </c>
      <c r="C198" s="84">
        <v>4.05</v>
      </c>
      <c r="D198" s="85">
        <v>7.8399999999999997E-2</v>
      </c>
    </row>
    <row r="199" spans="1:4">
      <c r="A199" s="49" t="s">
        <v>435</v>
      </c>
      <c r="B199" s="198">
        <v>740</v>
      </c>
      <c r="C199" s="199">
        <v>3.87</v>
      </c>
      <c r="D199" s="200">
        <v>9.8000000000000004E-2</v>
      </c>
    </row>
    <row r="200" spans="1:4">
      <c r="A200" s="45" t="s">
        <v>436</v>
      </c>
      <c r="B200" s="83">
        <v>134</v>
      </c>
      <c r="C200" s="84">
        <v>4.13</v>
      </c>
      <c r="D200" s="85">
        <v>0.21559999999999999</v>
      </c>
    </row>
    <row r="201" spans="1:4">
      <c r="A201" s="49" t="s">
        <v>437</v>
      </c>
      <c r="B201" s="198">
        <v>153</v>
      </c>
      <c r="C201" s="199">
        <v>3.88</v>
      </c>
      <c r="D201" s="200">
        <v>0.19600000000000001</v>
      </c>
    </row>
    <row r="202" spans="1:4" ht="25.5">
      <c r="A202" s="45" t="s">
        <v>438</v>
      </c>
      <c r="B202" s="195">
        <v>257</v>
      </c>
      <c r="C202" s="84">
        <v>3.9</v>
      </c>
      <c r="D202" s="85">
        <v>0.15679999999999999</v>
      </c>
    </row>
    <row r="203" spans="1:4">
      <c r="A203" s="49" t="s">
        <v>439</v>
      </c>
      <c r="B203" s="198">
        <v>407</v>
      </c>
      <c r="C203" s="199">
        <v>4.1399999999999997</v>
      </c>
      <c r="D203" s="200">
        <v>0.1176</v>
      </c>
    </row>
    <row r="204" spans="1:4">
      <c r="A204" s="45" t="s">
        <v>440</v>
      </c>
      <c r="B204" s="195">
        <v>409</v>
      </c>
      <c r="C204" s="84">
        <v>4.0199999999999996</v>
      </c>
      <c r="D204" s="85">
        <v>0.1176</v>
      </c>
    </row>
    <row r="205" spans="1:4">
      <c r="A205" s="49" t="s">
        <v>441</v>
      </c>
      <c r="B205" s="198">
        <v>283</v>
      </c>
      <c r="C205" s="199">
        <v>3.95</v>
      </c>
      <c r="D205" s="200">
        <v>0.13720000000000002</v>
      </c>
    </row>
    <row r="206" spans="1:4">
      <c r="A206" s="45" t="s">
        <v>442</v>
      </c>
      <c r="B206" s="195">
        <v>771</v>
      </c>
      <c r="C206" s="84">
        <v>3.9</v>
      </c>
      <c r="D206" s="85">
        <v>0</v>
      </c>
    </row>
    <row r="207" spans="1:4">
      <c r="A207" s="49" t="s">
        <v>443</v>
      </c>
      <c r="B207" s="198">
        <v>1018</v>
      </c>
      <c r="C207" s="199">
        <v>4</v>
      </c>
      <c r="D207" s="200">
        <v>0</v>
      </c>
    </row>
    <row r="208" spans="1:4">
      <c r="A208" s="45" t="s">
        <v>444</v>
      </c>
      <c r="B208" s="195">
        <v>281</v>
      </c>
      <c r="C208" s="84">
        <v>3.8</v>
      </c>
      <c r="D208" s="85">
        <v>0.19600000000000001</v>
      </c>
    </row>
    <row r="209" spans="1:46">
      <c r="A209" s="49" t="s">
        <v>445</v>
      </c>
      <c r="B209" s="198">
        <v>194</v>
      </c>
      <c r="C209" s="199">
        <v>4.3</v>
      </c>
      <c r="D209" s="200">
        <v>0.19600000000000001</v>
      </c>
    </row>
    <row r="210" spans="1:46">
      <c r="A210" s="45" t="s">
        <v>446</v>
      </c>
      <c r="B210" s="195">
        <v>166</v>
      </c>
      <c r="C210" s="84">
        <v>4</v>
      </c>
      <c r="D210" s="85">
        <v>0.19600000000000001</v>
      </c>
    </row>
    <row r="211" spans="1:46">
      <c r="A211" s="49" t="s">
        <v>447</v>
      </c>
      <c r="B211" s="198">
        <v>78</v>
      </c>
      <c r="C211" s="199">
        <v>4.3</v>
      </c>
      <c r="D211" s="200">
        <v>0.19600000000000001</v>
      </c>
    </row>
    <row r="213" spans="1:46" ht="18.75">
      <c r="A213" s="335" t="s">
        <v>52</v>
      </c>
      <c r="B213" s="335"/>
      <c r="C213" s="335"/>
      <c r="D213" s="335"/>
      <c r="E213" s="335"/>
      <c r="F213" s="335"/>
      <c r="G213" s="335"/>
      <c r="H213" s="335"/>
      <c r="I213" s="335"/>
      <c r="J213" s="335"/>
      <c r="K213" s="335"/>
      <c r="L213" s="335"/>
      <c r="M213" s="335"/>
      <c r="N213" s="335"/>
      <c r="O213" s="335"/>
      <c r="P213" s="335"/>
      <c r="Q213" s="335"/>
      <c r="R213" s="335"/>
      <c r="S213" s="335"/>
      <c r="T213" s="335"/>
      <c r="U213" s="335"/>
      <c r="V213" s="335"/>
      <c r="W213" s="335"/>
      <c r="X213" s="335"/>
      <c r="Y213" s="335"/>
      <c r="Z213" s="335"/>
      <c r="AA213" s="335"/>
      <c r="AB213" s="335"/>
      <c r="AC213" s="335"/>
      <c r="AD213" s="335"/>
      <c r="AE213" s="335"/>
      <c r="AF213" s="335"/>
      <c r="AG213" s="335"/>
      <c r="AH213" s="335"/>
      <c r="AI213" s="335"/>
      <c r="AJ213" s="335"/>
      <c r="AK213" s="335"/>
      <c r="AL213" s="335"/>
      <c r="AM213" s="335"/>
      <c r="AN213" s="335"/>
      <c r="AO213" s="335"/>
      <c r="AP213" s="335"/>
      <c r="AQ213" s="335"/>
      <c r="AR213" s="335"/>
      <c r="AS213" s="335"/>
      <c r="AT213" s="335"/>
    </row>
    <row r="214" spans="1:46" ht="54" customHeight="1">
      <c r="A214" s="404" t="s">
        <v>518</v>
      </c>
      <c r="B214" s="404"/>
      <c r="C214" s="404"/>
      <c r="D214" s="404"/>
      <c r="E214" s="404"/>
      <c r="F214" s="404"/>
      <c r="G214" s="404"/>
      <c r="H214" s="404"/>
      <c r="I214" s="404"/>
      <c r="J214" s="404"/>
      <c r="K214" s="404"/>
      <c r="L214" s="404"/>
      <c r="M214" s="404"/>
      <c r="N214" s="404"/>
      <c r="O214" s="404"/>
      <c r="P214" s="404"/>
      <c r="Q214" s="404"/>
      <c r="R214" s="404"/>
      <c r="S214" s="404"/>
      <c r="T214" s="404"/>
      <c r="U214" s="404"/>
      <c r="V214" s="404"/>
      <c r="W214" s="404"/>
      <c r="X214" s="404"/>
      <c r="Y214" s="404"/>
      <c r="Z214" s="404"/>
      <c r="AA214" s="404"/>
      <c r="AB214" s="404"/>
      <c r="AC214" s="404"/>
      <c r="AD214" s="404"/>
      <c r="AE214" s="404"/>
      <c r="AF214" s="404"/>
      <c r="AG214" s="404"/>
      <c r="AH214" s="404"/>
      <c r="AI214" s="404"/>
      <c r="AJ214" s="404"/>
      <c r="AK214" s="404"/>
      <c r="AL214" s="404"/>
      <c r="AM214" s="404"/>
      <c r="AN214" s="404"/>
      <c r="AO214" s="404"/>
      <c r="AP214" s="404"/>
      <c r="AQ214" s="404"/>
      <c r="AR214" s="404"/>
      <c r="AS214" s="404"/>
      <c r="AT214" s="404"/>
    </row>
    <row r="215" spans="1:46" ht="32.25" customHeight="1">
      <c r="A215" s="64"/>
      <c r="B215" s="395" t="s">
        <v>342</v>
      </c>
      <c r="C215" s="396"/>
      <c r="D215" s="396"/>
      <c r="E215" s="396"/>
      <c r="F215" s="396"/>
      <c r="G215" s="396"/>
      <c r="H215" s="396"/>
      <c r="I215" s="396"/>
      <c r="J215" s="397"/>
      <c r="K215" s="395" t="s">
        <v>343</v>
      </c>
      <c r="L215" s="396"/>
      <c r="M215" s="396"/>
      <c r="N215" s="396"/>
      <c r="O215" s="396"/>
      <c r="P215" s="396"/>
      <c r="Q215" s="396"/>
      <c r="R215" s="396"/>
      <c r="S215" s="397"/>
      <c r="T215" s="395" t="s">
        <v>344</v>
      </c>
      <c r="U215" s="396"/>
      <c r="V215" s="396"/>
      <c r="W215" s="396"/>
      <c r="X215" s="396"/>
      <c r="Y215" s="396"/>
      <c r="Z215" s="396"/>
      <c r="AA215" s="396"/>
      <c r="AB215" s="397"/>
      <c r="AC215" s="395" t="s">
        <v>345</v>
      </c>
      <c r="AD215" s="396"/>
      <c r="AE215" s="396"/>
      <c r="AF215" s="396"/>
      <c r="AG215" s="396"/>
      <c r="AH215" s="396"/>
      <c r="AI215" s="396"/>
      <c r="AJ215" s="396"/>
      <c r="AK215" s="397"/>
      <c r="AL215" s="395" t="s">
        <v>346</v>
      </c>
      <c r="AM215" s="396"/>
      <c r="AN215" s="396"/>
      <c r="AO215" s="396"/>
      <c r="AP215" s="396"/>
      <c r="AQ215" s="396"/>
      <c r="AR215" s="396"/>
      <c r="AS215" s="396"/>
      <c r="AT215" s="397"/>
    </row>
    <row r="216" spans="1:46" ht="60.75" customHeight="1">
      <c r="A216" s="37" t="s">
        <v>85</v>
      </c>
      <c r="B216" s="38" t="s">
        <v>86</v>
      </c>
      <c r="C216" s="38" t="s">
        <v>257</v>
      </c>
      <c r="D216" s="89" t="s">
        <v>347</v>
      </c>
      <c r="E216" s="38" t="s">
        <v>348</v>
      </c>
      <c r="F216" s="89" t="s">
        <v>315</v>
      </c>
      <c r="G216" s="38" t="s">
        <v>349</v>
      </c>
      <c r="H216" s="89" t="s">
        <v>316</v>
      </c>
      <c r="I216" s="38" t="s">
        <v>353</v>
      </c>
      <c r="J216" s="89" t="s">
        <v>367</v>
      </c>
      <c r="K216" s="65" t="s">
        <v>86</v>
      </c>
      <c r="L216" s="65" t="s">
        <v>415</v>
      </c>
      <c r="M216" s="88" t="s">
        <v>416</v>
      </c>
      <c r="N216" s="65" t="s">
        <v>411</v>
      </c>
      <c r="O216" s="88" t="s">
        <v>413</v>
      </c>
      <c r="P216" s="65" t="s">
        <v>417</v>
      </c>
      <c r="Q216" s="88" t="s">
        <v>418</v>
      </c>
      <c r="R216" s="276" t="s">
        <v>353</v>
      </c>
      <c r="S216" s="88" t="s">
        <v>367</v>
      </c>
      <c r="T216" s="38" t="s">
        <v>86</v>
      </c>
      <c r="U216" s="38" t="s">
        <v>415</v>
      </c>
      <c r="V216" s="89" t="s">
        <v>416</v>
      </c>
      <c r="W216" s="38" t="s">
        <v>411</v>
      </c>
      <c r="X216" s="89" t="s">
        <v>413</v>
      </c>
      <c r="Y216" s="38" t="s">
        <v>417</v>
      </c>
      <c r="Z216" s="89" t="s">
        <v>418</v>
      </c>
      <c r="AA216" s="38" t="s">
        <v>353</v>
      </c>
      <c r="AB216" s="89" t="s">
        <v>367</v>
      </c>
      <c r="AC216" s="65" t="s">
        <v>86</v>
      </c>
      <c r="AD216" s="65" t="s">
        <v>415</v>
      </c>
      <c r="AE216" s="88" t="s">
        <v>416</v>
      </c>
      <c r="AF216" s="65" t="s">
        <v>411</v>
      </c>
      <c r="AG216" s="88" t="s">
        <v>413</v>
      </c>
      <c r="AH216" s="65" t="s">
        <v>417</v>
      </c>
      <c r="AI216" s="88" t="s">
        <v>418</v>
      </c>
      <c r="AJ216" s="65" t="s">
        <v>353</v>
      </c>
      <c r="AK216" s="88" t="s">
        <v>367</v>
      </c>
      <c r="AL216" s="38" t="s">
        <v>86</v>
      </c>
      <c r="AM216" s="38" t="s">
        <v>415</v>
      </c>
      <c r="AN216" s="89" t="s">
        <v>416</v>
      </c>
      <c r="AO216" s="38" t="s">
        <v>411</v>
      </c>
      <c r="AP216" s="89" t="s">
        <v>413</v>
      </c>
      <c r="AQ216" s="38" t="s">
        <v>417</v>
      </c>
      <c r="AR216" s="89" t="s">
        <v>418</v>
      </c>
      <c r="AS216" s="38" t="s">
        <v>353</v>
      </c>
      <c r="AT216" s="89" t="s">
        <v>367</v>
      </c>
    </row>
    <row r="217" spans="1:46" ht="72">
      <c r="A217" s="41"/>
      <c r="B217" s="42" t="s">
        <v>89</v>
      </c>
      <c r="C217" s="42" t="s">
        <v>181</v>
      </c>
      <c r="D217" s="91" t="s">
        <v>104</v>
      </c>
      <c r="E217" s="42" t="s">
        <v>182</v>
      </c>
      <c r="F217" s="91" t="s">
        <v>104</v>
      </c>
      <c r="G217" s="42" t="s">
        <v>183</v>
      </c>
      <c r="H217" s="91" t="s">
        <v>104</v>
      </c>
      <c r="I217" s="42" t="s">
        <v>353</v>
      </c>
      <c r="J217" s="91" t="s">
        <v>104</v>
      </c>
      <c r="K217" s="68" t="s">
        <v>89</v>
      </c>
      <c r="L217" s="68" t="s">
        <v>410</v>
      </c>
      <c r="M217" s="90" t="s">
        <v>104</v>
      </c>
      <c r="N217" s="68" t="s">
        <v>412</v>
      </c>
      <c r="O217" s="90" t="s">
        <v>104</v>
      </c>
      <c r="P217" s="68" t="s">
        <v>181</v>
      </c>
      <c r="Q217" s="90" t="s">
        <v>104</v>
      </c>
      <c r="R217" s="277" t="s">
        <v>353</v>
      </c>
      <c r="S217" s="90" t="s">
        <v>104</v>
      </c>
      <c r="T217" s="42" t="s">
        <v>89</v>
      </c>
      <c r="U217" s="42" t="s">
        <v>410</v>
      </c>
      <c r="V217" s="91" t="s">
        <v>104</v>
      </c>
      <c r="W217" s="42" t="s">
        <v>412</v>
      </c>
      <c r="X217" s="91" t="s">
        <v>104</v>
      </c>
      <c r="Y217" s="42" t="s">
        <v>181</v>
      </c>
      <c r="Z217" s="91" t="s">
        <v>104</v>
      </c>
      <c r="AA217" s="42" t="s">
        <v>353</v>
      </c>
      <c r="AB217" s="91" t="s">
        <v>104</v>
      </c>
      <c r="AC217" s="68" t="s">
        <v>89</v>
      </c>
      <c r="AD217" s="68" t="s">
        <v>410</v>
      </c>
      <c r="AE217" s="90" t="s">
        <v>104</v>
      </c>
      <c r="AF217" s="68" t="s">
        <v>412</v>
      </c>
      <c r="AG217" s="90" t="s">
        <v>104</v>
      </c>
      <c r="AH217" s="68" t="s">
        <v>181</v>
      </c>
      <c r="AI217" s="90" t="s">
        <v>104</v>
      </c>
      <c r="AJ217" s="68" t="s">
        <v>353</v>
      </c>
      <c r="AK217" s="90" t="s">
        <v>104</v>
      </c>
      <c r="AL217" s="42" t="s">
        <v>89</v>
      </c>
      <c r="AM217" s="42" t="s">
        <v>410</v>
      </c>
      <c r="AN217" s="91" t="s">
        <v>104</v>
      </c>
      <c r="AO217" s="42" t="s">
        <v>412</v>
      </c>
      <c r="AP217" s="91" t="s">
        <v>104</v>
      </c>
      <c r="AQ217" s="42" t="s">
        <v>181</v>
      </c>
      <c r="AR217" s="91" t="s">
        <v>104</v>
      </c>
      <c r="AS217" s="42" t="s">
        <v>353</v>
      </c>
      <c r="AT217" s="91" t="s">
        <v>104</v>
      </c>
    </row>
    <row r="218" spans="1:46">
      <c r="A218" s="45" t="s">
        <v>424</v>
      </c>
      <c r="B218" s="195">
        <v>10961</v>
      </c>
      <c r="C218" s="201">
        <v>0.14099999999999999</v>
      </c>
      <c r="D218" s="94">
        <v>6.6496731982213864E-3</v>
      </c>
      <c r="E218" s="201">
        <v>0.16800000000000001</v>
      </c>
      <c r="F218" s="94">
        <v>7.1427731357552237E-3</v>
      </c>
      <c r="G218" s="201">
        <v>0.68</v>
      </c>
      <c r="H218" s="94">
        <v>8.9100205820281352E-3</v>
      </c>
      <c r="I218" s="201">
        <v>1.2E-2</v>
      </c>
      <c r="J218" s="94">
        <v>2.0948521605220535E-3</v>
      </c>
      <c r="K218" s="195">
        <v>10984</v>
      </c>
      <c r="L218" s="201">
        <v>0.24762340161244129</v>
      </c>
      <c r="M218" s="94">
        <v>8.2364143383151945E-3</v>
      </c>
      <c r="N218" s="201">
        <v>0.42597845827984321</v>
      </c>
      <c r="O218" s="94">
        <v>9.4347875729083579E-3</v>
      </c>
      <c r="P218" s="201">
        <v>0.25040651474367437</v>
      </c>
      <c r="Q218" s="94">
        <v>8.2672075167569154E-3</v>
      </c>
      <c r="R218" s="201">
        <v>7.5991625364043358E-2</v>
      </c>
      <c r="S218" s="94">
        <v>5.0605280136049573E-3</v>
      </c>
      <c r="T218" s="195">
        <v>11013</v>
      </c>
      <c r="U218" s="201">
        <v>0.38190920252164035</v>
      </c>
      <c r="V218" s="94">
        <v>9.2579287671147731E-3</v>
      </c>
      <c r="W218" s="201">
        <v>0.31175161858371059</v>
      </c>
      <c r="X218" s="94">
        <v>8.8267599421445828E-3</v>
      </c>
      <c r="Y218" s="201">
        <v>0.13993233793948978</v>
      </c>
      <c r="Z218" s="94">
        <v>6.6129226233515963E-3</v>
      </c>
      <c r="AA218" s="201">
        <v>0.16640684095515595</v>
      </c>
      <c r="AB218" s="94">
        <v>7.098840526480737E-3</v>
      </c>
      <c r="AC218" s="195">
        <v>11013</v>
      </c>
      <c r="AD218" s="201">
        <v>0.35199999999999998</v>
      </c>
      <c r="AE218" s="94">
        <v>9.1006475318986639E-3</v>
      </c>
      <c r="AF218" s="201">
        <v>0.34399999999999997</v>
      </c>
      <c r="AG218" s="94">
        <v>9.0520399674367223E-3</v>
      </c>
      <c r="AH218" s="201">
        <v>0.14300000000000002</v>
      </c>
      <c r="AI218" s="94">
        <v>6.6729925909146245E-3</v>
      </c>
      <c r="AJ218" s="201">
        <v>0.16200000000000001</v>
      </c>
      <c r="AK218" s="94">
        <v>7.0228027118382158E-3</v>
      </c>
      <c r="AL218" s="195">
        <v>11001</v>
      </c>
      <c r="AM218" s="201">
        <v>0.224</v>
      </c>
      <c r="AN218" s="94">
        <v>7.9498511210027521E-3</v>
      </c>
      <c r="AO218" s="201">
        <v>0.33399999999999996</v>
      </c>
      <c r="AP218" s="94">
        <v>8.9921774875635265E-3</v>
      </c>
      <c r="AQ218" s="201">
        <v>0.17199999999999999</v>
      </c>
      <c r="AR218" s="94">
        <v>7.1967025905684389E-3</v>
      </c>
      <c r="AS218" s="201">
        <v>0.27</v>
      </c>
      <c r="AT218" s="94">
        <v>8.4648767501296386E-3</v>
      </c>
    </row>
    <row r="219" spans="1:46">
      <c r="A219" s="49" t="s">
        <v>425</v>
      </c>
      <c r="B219" s="198">
        <v>8815</v>
      </c>
      <c r="C219" s="202">
        <v>0.13900000000000001</v>
      </c>
      <c r="D219" s="97">
        <v>7.3712924673769668E-3</v>
      </c>
      <c r="E219" s="202">
        <v>0.16500000000000001</v>
      </c>
      <c r="F219" s="97">
        <v>7.9079859718514459E-3</v>
      </c>
      <c r="G219" s="202">
        <v>0.69</v>
      </c>
      <c r="H219" s="97">
        <v>9.8505153292116013E-3</v>
      </c>
      <c r="I219" s="202">
        <v>7.0000000000000001E-3</v>
      </c>
      <c r="J219" s="97">
        <v>1.8035290152243254E-3</v>
      </c>
      <c r="K219" s="198">
        <v>8837</v>
      </c>
      <c r="L219" s="202">
        <v>0.24399999999999999</v>
      </c>
      <c r="M219" s="97">
        <v>9.1370266845013145E-3</v>
      </c>
      <c r="N219" s="202">
        <v>0.432</v>
      </c>
      <c r="O219" s="97">
        <v>1.0536564827741743E-2</v>
      </c>
      <c r="P219" s="202">
        <v>0.253</v>
      </c>
      <c r="Q219" s="97">
        <v>9.2483289461389086E-3</v>
      </c>
      <c r="R219" s="202">
        <v>7.0999999999999994E-2</v>
      </c>
      <c r="S219" s="97">
        <v>5.4697033519390129E-3</v>
      </c>
      <c r="T219" s="198">
        <v>8865</v>
      </c>
      <c r="U219" s="202">
        <v>0.443</v>
      </c>
      <c r="V219" s="97">
        <v>1.0549325855996531E-2</v>
      </c>
      <c r="W219" s="202">
        <v>0.27800000000000002</v>
      </c>
      <c r="X219" s="97">
        <v>9.5155028372994714E-3</v>
      </c>
      <c r="Y219" s="202">
        <v>0.106</v>
      </c>
      <c r="Z219" s="97">
        <v>6.5423671637353902E-3</v>
      </c>
      <c r="AA219" s="202">
        <v>0.17399999999999999</v>
      </c>
      <c r="AB219" s="97">
        <v>8.0538228135833712E-3</v>
      </c>
      <c r="AC219" s="198">
        <v>8867</v>
      </c>
      <c r="AD219" s="202">
        <v>0.39200000000000002</v>
      </c>
      <c r="AE219" s="97">
        <v>1.0366880930254967E-2</v>
      </c>
      <c r="AF219" s="202">
        <v>0.33699999999999997</v>
      </c>
      <c r="AG219" s="97">
        <v>1.0037803753330382E-2</v>
      </c>
      <c r="AH219" s="202">
        <v>0.11199999999999999</v>
      </c>
      <c r="AI219" s="97">
        <v>6.7012427308636973E-3</v>
      </c>
      <c r="AJ219" s="202">
        <v>0.16</v>
      </c>
      <c r="AK219" s="97">
        <v>7.7877440804348273E-3</v>
      </c>
      <c r="AL219" s="198">
        <v>8853</v>
      </c>
      <c r="AM219" s="202">
        <v>0.245</v>
      </c>
      <c r="AN219" s="97">
        <v>9.1413873826699747E-3</v>
      </c>
      <c r="AO219" s="202">
        <v>0.31699999999999995</v>
      </c>
      <c r="AP219" s="97">
        <v>9.8891049241212961E-3</v>
      </c>
      <c r="AQ219" s="202">
        <v>0.14500000000000002</v>
      </c>
      <c r="AR219" s="97">
        <v>7.4860543309023002E-3</v>
      </c>
      <c r="AS219" s="202">
        <v>0.29299999999999998</v>
      </c>
      <c r="AT219" s="97">
        <v>9.6732129372762449E-3</v>
      </c>
    </row>
    <row r="220" spans="1:46">
      <c r="A220" s="45" t="s">
        <v>426</v>
      </c>
      <c r="B220" s="195">
        <v>1979</v>
      </c>
      <c r="C220" s="201">
        <v>0.113</v>
      </c>
      <c r="D220" s="94">
        <v>1.4261770176601274E-2</v>
      </c>
      <c r="E220" s="201">
        <v>0.17199999999999999</v>
      </c>
      <c r="F220" s="94">
        <v>1.6974935541793384E-2</v>
      </c>
      <c r="G220" s="201">
        <v>0.69699999999999995</v>
      </c>
      <c r="H220" s="94">
        <v>2.0647482298883774E-2</v>
      </c>
      <c r="I220" s="201">
        <v>1.7999999999999999E-2</v>
      </c>
      <c r="J220" s="94">
        <v>6.1272960434247447E-3</v>
      </c>
      <c r="K220" s="195">
        <v>1984</v>
      </c>
      <c r="L220" s="201">
        <v>0.20799999999999999</v>
      </c>
      <c r="M220" s="94">
        <v>1.8224994969946607E-2</v>
      </c>
      <c r="N220" s="201">
        <v>0.434</v>
      </c>
      <c r="O220" s="94">
        <v>2.2232605686554458E-2</v>
      </c>
      <c r="P220" s="201">
        <v>0.27</v>
      </c>
      <c r="Q220" s="94">
        <v>1.9925043799832422E-2</v>
      </c>
      <c r="R220" s="201">
        <v>8.6999999999999994E-2</v>
      </c>
      <c r="S220" s="94">
        <v>1.269648027309781E-2</v>
      </c>
      <c r="T220" s="195">
        <v>1986</v>
      </c>
      <c r="U220" s="201">
        <v>0.219</v>
      </c>
      <c r="V220" s="94">
        <v>1.855894383417829E-2</v>
      </c>
      <c r="W220" s="201">
        <v>0.36599999999999999</v>
      </c>
      <c r="X220" s="94">
        <v>2.160011689792303E-2</v>
      </c>
      <c r="Y220" s="201">
        <v>0.23100000000000001</v>
      </c>
      <c r="Z220" s="94">
        <v>1.8911569197501733E-2</v>
      </c>
      <c r="AA220" s="201">
        <v>0.184</v>
      </c>
      <c r="AB220" s="94">
        <v>1.7395489954830399E-2</v>
      </c>
      <c r="AC220" s="195">
        <v>1983</v>
      </c>
      <c r="AD220" s="201">
        <v>0.23200000000000001</v>
      </c>
      <c r="AE220" s="94">
        <v>1.8954286892245192E-2</v>
      </c>
      <c r="AF220" s="201">
        <v>0.35199999999999998</v>
      </c>
      <c r="AG220" s="94">
        <v>2.1432545391067773E-2</v>
      </c>
      <c r="AH220" s="201">
        <v>0.23599999999999999</v>
      </c>
      <c r="AI220" s="94">
        <v>1.9066504830662426E-2</v>
      </c>
      <c r="AJ220" s="201">
        <v>0.18</v>
      </c>
      <c r="AK220" s="94">
        <v>1.7261531587788474E-2</v>
      </c>
      <c r="AL220" s="195">
        <v>1983</v>
      </c>
      <c r="AM220" s="201">
        <v>0.152</v>
      </c>
      <c r="AN220" s="94">
        <v>1.6138747587320298E-2</v>
      </c>
      <c r="AO220" s="201">
        <v>0.35199999999999998</v>
      </c>
      <c r="AP220" s="94">
        <v>2.1432545391067773E-2</v>
      </c>
      <c r="AQ220" s="201">
        <v>0.245</v>
      </c>
      <c r="AR220" s="94">
        <v>1.9310538736243974E-2</v>
      </c>
      <c r="AS220" s="201">
        <v>0.251</v>
      </c>
      <c r="AT220" s="94">
        <v>1.9466894733485177E-2</v>
      </c>
    </row>
    <row r="221" spans="1:46">
      <c r="A221" s="49" t="s">
        <v>427</v>
      </c>
      <c r="B221" s="198">
        <v>8467</v>
      </c>
      <c r="C221" s="202">
        <v>0.14099999999999999</v>
      </c>
      <c r="D221" s="97">
        <v>7.5663573355621268E-3</v>
      </c>
      <c r="E221" s="202">
        <v>0.16800000000000001</v>
      </c>
      <c r="F221" s="97">
        <v>8.1271930613082029E-3</v>
      </c>
      <c r="G221" s="202">
        <v>0.68</v>
      </c>
      <c r="H221" s="97">
        <v>1.0137307626809207E-2</v>
      </c>
      <c r="I221" s="202">
        <v>1.2E-2</v>
      </c>
      <c r="J221" s="97">
        <v>2.3884238333583244E-3</v>
      </c>
      <c r="K221" s="198">
        <v>8483</v>
      </c>
      <c r="L221" s="202">
        <v>0.248</v>
      </c>
      <c r="M221" s="97">
        <v>9.3768577117647762E-3</v>
      </c>
      <c r="N221" s="202">
        <v>0.42599999999999999</v>
      </c>
      <c r="O221" s="97">
        <v>1.0735399807668486E-2</v>
      </c>
      <c r="P221" s="202">
        <v>0.25</v>
      </c>
      <c r="Q221" s="97">
        <v>9.4020321690278727E-3</v>
      </c>
      <c r="R221" s="202">
        <v>7.5999999999999998E-2</v>
      </c>
      <c r="S221" s="97">
        <v>5.7599528435936572E-3</v>
      </c>
      <c r="T221" s="198">
        <v>8508</v>
      </c>
      <c r="U221" s="202">
        <v>0.38200000000000001</v>
      </c>
      <c r="V221" s="97">
        <v>1.0533001383035473E-2</v>
      </c>
      <c r="W221" s="202">
        <v>0.312</v>
      </c>
      <c r="X221" s="97">
        <v>1.0044291252595882E-2</v>
      </c>
      <c r="Y221" s="202">
        <v>0.14000000000000001</v>
      </c>
      <c r="Z221" s="97">
        <v>7.5257008232777652E-3</v>
      </c>
      <c r="AA221" s="202">
        <v>0.16600000000000001</v>
      </c>
      <c r="AB221" s="97">
        <v>8.0689236440441067E-3</v>
      </c>
      <c r="AC221" s="198">
        <v>8507</v>
      </c>
      <c r="AD221" s="202">
        <v>0.35299999999999998</v>
      </c>
      <c r="AE221" s="97">
        <v>1.036092427755363E-2</v>
      </c>
      <c r="AF221" s="202">
        <v>0.34299999999999997</v>
      </c>
      <c r="AG221" s="97">
        <v>1.0291810105558886E-2</v>
      </c>
      <c r="AH221" s="202">
        <v>0.14300000000000002</v>
      </c>
      <c r="AI221" s="97">
        <v>7.5929448239646091E-3</v>
      </c>
      <c r="AJ221" s="202">
        <v>0.16200000000000001</v>
      </c>
      <c r="AK221" s="97">
        <v>7.9908113004105771E-3</v>
      </c>
      <c r="AL221" s="198">
        <v>8493</v>
      </c>
      <c r="AM221" s="202">
        <v>0.224</v>
      </c>
      <c r="AN221" s="97">
        <v>9.0477712592432757E-3</v>
      </c>
      <c r="AO221" s="202">
        <v>0.33499999999999996</v>
      </c>
      <c r="AP221" s="97">
        <v>1.024130712754831E-2</v>
      </c>
      <c r="AQ221" s="202">
        <v>0.17199999999999999</v>
      </c>
      <c r="AR221" s="97">
        <v>8.1908869133773283E-3</v>
      </c>
      <c r="AS221" s="202">
        <v>0.27</v>
      </c>
      <c r="AT221" s="97">
        <v>9.633749522029408E-3</v>
      </c>
    </row>
    <row r="222" spans="1:46">
      <c r="A222" s="45" t="s">
        <v>428</v>
      </c>
      <c r="B222" s="195">
        <v>2496</v>
      </c>
      <c r="C222" s="201">
        <v>0.121</v>
      </c>
      <c r="D222" s="94">
        <v>1.3073226593556159E-2</v>
      </c>
      <c r="E222" s="201">
        <v>0.14199999999999999</v>
      </c>
      <c r="F222" s="94">
        <v>1.3985466553542502E-2</v>
      </c>
      <c r="G222" s="201">
        <v>0.72699999999999998</v>
      </c>
      <c r="H222" s="94">
        <v>1.7827428794338684E-2</v>
      </c>
      <c r="I222" s="201">
        <v>8.9999999999999993E-3</v>
      </c>
      <c r="J222" s="94">
        <v>3.9374798097544577E-3</v>
      </c>
      <c r="K222" s="195">
        <v>2503</v>
      </c>
      <c r="L222" s="201">
        <v>0.21299999999999999</v>
      </c>
      <c r="M222" s="94">
        <v>1.6367032502105236E-2</v>
      </c>
      <c r="N222" s="201">
        <v>0.39700000000000002</v>
      </c>
      <c r="O222" s="94">
        <v>1.9545078534917236E-2</v>
      </c>
      <c r="P222" s="201">
        <v>0.32400000000000001</v>
      </c>
      <c r="Q222" s="94">
        <v>1.8698061373316293E-2</v>
      </c>
      <c r="R222" s="201">
        <v>6.7000000000000004E-2</v>
      </c>
      <c r="S222" s="94">
        <v>1.0034548401284413E-2</v>
      </c>
      <c r="T222" s="195">
        <v>2507</v>
      </c>
      <c r="U222" s="201">
        <v>0.38900000000000001</v>
      </c>
      <c r="V222" s="94">
        <v>1.9459777803288555E-2</v>
      </c>
      <c r="W222" s="201">
        <v>0.29799999999999999</v>
      </c>
      <c r="X222" s="94">
        <v>1.8260729365491061E-2</v>
      </c>
      <c r="Y222" s="201">
        <v>0.13900000000000001</v>
      </c>
      <c r="Z222" s="94">
        <v>1.3831429220103117E-2</v>
      </c>
      <c r="AA222" s="201">
        <v>0.17399999999999999</v>
      </c>
      <c r="AB222" s="94">
        <v>1.5148926103470762E-2</v>
      </c>
      <c r="AC222" s="195">
        <v>2508</v>
      </c>
      <c r="AD222" s="201">
        <v>0.30099999999999999</v>
      </c>
      <c r="AE222" s="94">
        <v>1.8309312369992295E-2</v>
      </c>
      <c r="AF222" s="201">
        <v>0.39</v>
      </c>
      <c r="AG222" s="94">
        <v>1.9464916355122763E-2</v>
      </c>
      <c r="AH222" s="201">
        <v>0.16</v>
      </c>
      <c r="AI222" s="94">
        <v>1.4649180959632574E-2</v>
      </c>
      <c r="AJ222" s="201">
        <v>0.15</v>
      </c>
      <c r="AK222" s="94">
        <v>1.4270466182287247E-2</v>
      </c>
      <c r="AL222" s="195">
        <v>2510</v>
      </c>
      <c r="AM222" s="201">
        <v>0.14299999999999999</v>
      </c>
      <c r="AN222" s="94">
        <v>1.3986938047248888E-2</v>
      </c>
      <c r="AO222" s="201">
        <v>0.30499999999999999</v>
      </c>
      <c r="AP222" s="94">
        <v>1.837018381343462E-2</v>
      </c>
      <c r="AQ222" s="201">
        <v>0.24</v>
      </c>
      <c r="AR222" s="94">
        <v>1.7045726523470403E-2</v>
      </c>
      <c r="AS222" s="201">
        <v>0.313</v>
      </c>
      <c r="AT222" s="94">
        <v>1.8501636777184721E-2</v>
      </c>
    </row>
    <row r="223" spans="1:46">
      <c r="A223" s="49" t="s">
        <v>429</v>
      </c>
      <c r="B223" s="198">
        <v>617</v>
      </c>
      <c r="C223" s="202">
        <v>0.12</v>
      </c>
      <c r="D223" s="97">
        <v>2.6308492457485011E-2</v>
      </c>
      <c r="E223" s="202">
        <v>0.14299999999999999</v>
      </c>
      <c r="F223" s="97">
        <v>2.828285555174239E-2</v>
      </c>
      <c r="G223" s="202">
        <v>0.72899999999999998</v>
      </c>
      <c r="H223" s="97">
        <v>3.5733166837004997E-2</v>
      </c>
      <c r="I223" s="202">
        <v>8.0000000000000002E-3</v>
      </c>
      <c r="J223" s="97">
        <v>8.4343953924722066E-3</v>
      </c>
      <c r="K223" s="198">
        <v>618</v>
      </c>
      <c r="L223" s="202">
        <v>0.23400000000000001</v>
      </c>
      <c r="M223" s="97">
        <v>3.4037157568546701E-2</v>
      </c>
      <c r="N223" s="202">
        <v>0.41799999999999998</v>
      </c>
      <c r="O223" s="97">
        <v>3.9560463247129918E-2</v>
      </c>
      <c r="P223" s="202">
        <v>0.27700000000000002</v>
      </c>
      <c r="Q223" s="97">
        <v>3.5944629147738841E-2</v>
      </c>
      <c r="R223" s="202">
        <v>7.0999999999999994E-2</v>
      </c>
      <c r="S223" s="97">
        <v>2.0960608531256548E-2</v>
      </c>
      <c r="T223" s="198">
        <v>621</v>
      </c>
      <c r="U223" s="202">
        <v>0.38600000000000001</v>
      </c>
      <c r="V223" s="97">
        <v>3.8960067062270003E-2</v>
      </c>
      <c r="W223" s="202">
        <v>0.32499999999999996</v>
      </c>
      <c r="X223" s="97">
        <v>3.7503343475482287E-2</v>
      </c>
      <c r="Y223" s="202">
        <v>0.10600000000000001</v>
      </c>
      <c r="Z223" s="97">
        <v>2.4883043200822845E-2</v>
      </c>
      <c r="AA223" s="202">
        <v>0.182</v>
      </c>
      <c r="AB223" s="97">
        <v>3.100103174138151E-2</v>
      </c>
      <c r="AC223" s="198">
        <v>620</v>
      </c>
      <c r="AD223" s="202">
        <v>0.29699999999999999</v>
      </c>
      <c r="AE223" s="97">
        <v>3.6630310692054371E-2</v>
      </c>
      <c r="AF223" s="202">
        <v>0.42300000000000004</v>
      </c>
      <c r="AG223" s="97">
        <v>3.956062932059505E-2</v>
      </c>
      <c r="AH223" s="202">
        <v>0.15</v>
      </c>
      <c r="AI223" s="97">
        <v>2.8763567492707396E-2</v>
      </c>
      <c r="AJ223" s="202">
        <v>0.13100000000000001</v>
      </c>
      <c r="AK223" s="97">
        <v>2.7219320391506503E-2</v>
      </c>
      <c r="AL223" s="198">
        <v>618</v>
      </c>
      <c r="AM223" s="202">
        <v>0.13</v>
      </c>
      <c r="AN223" s="97">
        <v>2.7177528789753339E-2</v>
      </c>
      <c r="AO223" s="202">
        <v>0.33499999999999996</v>
      </c>
      <c r="AP223" s="97">
        <v>3.7879826465716866E-2</v>
      </c>
      <c r="AQ223" s="202">
        <v>0.22599999999999998</v>
      </c>
      <c r="AR223" s="97">
        <v>3.3631873458689919E-2</v>
      </c>
      <c r="AS223" s="202">
        <v>0.308</v>
      </c>
      <c r="AT223" s="97">
        <v>3.7063308183343358E-2</v>
      </c>
    </row>
    <row r="224" spans="1:46">
      <c r="A224" s="45" t="s">
        <v>430</v>
      </c>
      <c r="B224" s="195">
        <v>1575</v>
      </c>
      <c r="C224" s="201">
        <v>0.12</v>
      </c>
      <c r="D224" s="94">
        <v>1.6412253536756013E-2</v>
      </c>
      <c r="E224" s="201">
        <v>0.13800000000000001</v>
      </c>
      <c r="F224" s="94">
        <v>1.7407611416436271E-2</v>
      </c>
      <c r="G224" s="201">
        <v>0.73199999999999998</v>
      </c>
      <c r="H224" s="94">
        <v>2.2308127991002579E-2</v>
      </c>
      <c r="I224" s="201">
        <v>0.01</v>
      </c>
      <c r="J224" s="94">
        <v>5.3063049505450736E-3</v>
      </c>
      <c r="K224" s="195">
        <v>1582</v>
      </c>
      <c r="L224" s="201">
        <v>0.188</v>
      </c>
      <c r="M224" s="94">
        <v>1.9653133144195777E-2</v>
      </c>
      <c r="N224" s="201">
        <v>0.38600000000000001</v>
      </c>
      <c r="O224" s="94">
        <v>2.4452103163663429E-2</v>
      </c>
      <c r="P224" s="201">
        <v>0.36</v>
      </c>
      <c r="Q224" s="94">
        <v>2.4110858949581274E-2</v>
      </c>
      <c r="R224" s="201">
        <v>6.6000000000000003E-2</v>
      </c>
      <c r="S224" s="94">
        <v>1.2564375991337539E-2</v>
      </c>
      <c r="T224" s="195">
        <v>1580</v>
      </c>
      <c r="U224" s="201">
        <v>0.36599999999999999</v>
      </c>
      <c r="V224" s="94">
        <v>2.421153475233024E-2</v>
      </c>
      <c r="W224" s="201">
        <v>0.29699999999999999</v>
      </c>
      <c r="X224" s="94">
        <v>2.2973352123058868E-2</v>
      </c>
      <c r="Y224" s="201">
        <v>0.16200000000000001</v>
      </c>
      <c r="Z224" s="94">
        <v>1.85546055553363E-2</v>
      </c>
      <c r="AA224" s="201">
        <v>0.17499999999999999</v>
      </c>
      <c r="AB224" s="94">
        <v>1.9129264298864641E-2</v>
      </c>
      <c r="AC224" s="195">
        <v>1581</v>
      </c>
      <c r="AD224" s="201">
        <v>0.28100000000000003</v>
      </c>
      <c r="AE224" s="94">
        <v>2.2593975858362883E-2</v>
      </c>
      <c r="AF224" s="201">
        <v>0.38800000000000001</v>
      </c>
      <c r="AG224" s="94">
        <v>2.4483006849919647E-2</v>
      </c>
      <c r="AH224" s="201">
        <v>0.17199999999999999</v>
      </c>
      <c r="AI224" s="94">
        <v>1.8994159855454336E-2</v>
      </c>
      <c r="AJ224" s="201">
        <v>0.158</v>
      </c>
      <c r="AK224" s="94">
        <v>1.8363700969720124E-2</v>
      </c>
      <c r="AL224" s="195">
        <v>1587</v>
      </c>
      <c r="AM224" s="201">
        <v>0.13200000000000001</v>
      </c>
      <c r="AN224" s="94">
        <v>1.7022637668515958E-2</v>
      </c>
      <c r="AO224" s="201">
        <v>0.28900000000000003</v>
      </c>
      <c r="AP224" s="94">
        <v>2.2741273338771569E-2</v>
      </c>
      <c r="AQ224" s="201">
        <v>0.26300000000000001</v>
      </c>
      <c r="AR224" s="94">
        <v>2.2091352455215495E-2</v>
      </c>
      <c r="AS224" s="201">
        <v>0.316</v>
      </c>
      <c r="AT224" s="94">
        <v>2.3320467029858696E-2</v>
      </c>
    </row>
    <row r="225" spans="1:46">
      <c r="A225" s="49" t="s">
        <v>431</v>
      </c>
      <c r="B225" s="198">
        <v>240</v>
      </c>
      <c r="C225" s="202">
        <v>0.156</v>
      </c>
      <c r="D225" s="97">
        <v>4.71328896772071E-2</v>
      </c>
      <c r="E225" s="202">
        <v>0.16</v>
      </c>
      <c r="F225" s="97">
        <v>4.7590999461933479E-2</v>
      </c>
      <c r="G225" s="202">
        <v>0.68200000000000005</v>
      </c>
      <c r="H225" s="97">
        <v>5.9774594482556155E-2</v>
      </c>
      <c r="I225" s="202">
        <v>1E-3</v>
      </c>
      <c r="J225" s="97">
        <v>1.2211288414368849E-2</v>
      </c>
      <c r="K225" s="198">
        <v>240</v>
      </c>
      <c r="L225" s="202">
        <v>0.38100000000000001</v>
      </c>
      <c r="M225" s="97">
        <v>6.2239554312820959E-2</v>
      </c>
      <c r="N225" s="202">
        <v>0.22699999999999998</v>
      </c>
      <c r="O225" s="97">
        <v>5.400281481390061E-2</v>
      </c>
      <c r="P225" s="202">
        <v>0.32900000000000001</v>
      </c>
      <c r="Q225" s="97">
        <v>6.0287543630922022E-2</v>
      </c>
      <c r="R225" s="202">
        <v>6.3E-2</v>
      </c>
      <c r="S225" s="97">
        <v>3.2703575964311053E-2</v>
      </c>
      <c r="T225" s="198">
        <v>239</v>
      </c>
      <c r="U225" s="202">
        <v>0.41299999999999998</v>
      </c>
      <c r="V225" s="97">
        <v>6.3203653366082704E-2</v>
      </c>
      <c r="W225" s="202">
        <v>0.28600000000000003</v>
      </c>
      <c r="X225" s="97">
        <v>5.8189314745264224E-2</v>
      </c>
      <c r="Y225" s="202">
        <v>0.17600000000000002</v>
      </c>
      <c r="Z225" s="97">
        <v>4.9433258086330117E-2</v>
      </c>
      <c r="AA225" s="202">
        <v>0.125</v>
      </c>
      <c r="AB225" s="97">
        <v>4.3312725523768358E-2</v>
      </c>
      <c r="AC225" s="198">
        <v>239</v>
      </c>
      <c r="AD225" s="202">
        <v>0.443</v>
      </c>
      <c r="AE225" s="97">
        <v>6.3745518052322592E-2</v>
      </c>
      <c r="AF225" s="202">
        <v>0.248</v>
      </c>
      <c r="AG225" s="97">
        <v>5.5713768722323663E-2</v>
      </c>
      <c r="AH225" s="202">
        <v>0.192</v>
      </c>
      <c r="AI225" s="97">
        <v>5.1035917339889977E-2</v>
      </c>
      <c r="AJ225" s="202">
        <v>0.11700000000000001</v>
      </c>
      <c r="AK225" s="97">
        <v>4.2183319394017225E-2</v>
      </c>
      <c r="AL225" s="198">
        <v>240</v>
      </c>
      <c r="AM225" s="202">
        <v>0.26100000000000001</v>
      </c>
      <c r="AN225" s="97">
        <v>5.6501337383157962E-2</v>
      </c>
      <c r="AO225" s="202">
        <v>0.23600000000000002</v>
      </c>
      <c r="AP225" s="97">
        <v>5.4707925566218674E-2</v>
      </c>
      <c r="AQ225" s="202">
        <v>0.28000000000000003</v>
      </c>
      <c r="AR225" s="97">
        <v>5.7712384384185647E-2</v>
      </c>
      <c r="AS225" s="202">
        <v>0.222</v>
      </c>
      <c r="AT225" s="97">
        <v>5.3596723039321191E-2</v>
      </c>
    </row>
    <row r="226" spans="1:46">
      <c r="A226" s="45" t="s">
        <v>432</v>
      </c>
      <c r="B226" s="195">
        <v>554</v>
      </c>
      <c r="C226" s="201">
        <v>0.115</v>
      </c>
      <c r="D226" s="94">
        <v>2.7290088107953619E-2</v>
      </c>
      <c r="E226" s="201">
        <v>0.153</v>
      </c>
      <c r="F226" s="94">
        <v>3.0680584321195394E-2</v>
      </c>
      <c r="G226" s="201">
        <v>0.72099999999999997</v>
      </c>
      <c r="H226" s="94">
        <v>3.8039473895551103E-2</v>
      </c>
      <c r="I226" s="201">
        <v>1.0999999999999999E-2</v>
      </c>
      <c r="J226" s="94">
        <v>1.0122890204966647E-2</v>
      </c>
      <c r="K226" s="195">
        <v>556</v>
      </c>
      <c r="L226" s="201">
        <v>0.17799999999999999</v>
      </c>
      <c r="M226" s="94">
        <v>3.2490867947778806E-2</v>
      </c>
      <c r="N226" s="201">
        <v>0.45600000000000002</v>
      </c>
      <c r="O226" s="94">
        <v>4.2096110981499991E-2</v>
      </c>
      <c r="P226" s="201">
        <v>0.30099999999999999</v>
      </c>
      <c r="Q226" s="94">
        <v>3.881850701039434E-2</v>
      </c>
      <c r="R226" s="201">
        <v>6.4000000000000001E-2</v>
      </c>
      <c r="S226" s="94">
        <v>2.1147434556895845E-2</v>
      </c>
      <c r="T226" s="195">
        <v>554</v>
      </c>
      <c r="U226" s="201">
        <v>0.38600000000000001</v>
      </c>
      <c r="V226" s="94">
        <v>4.1234503313324851E-2</v>
      </c>
      <c r="W226" s="201">
        <v>0.32299999999999995</v>
      </c>
      <c r="X226" s="94">
        <v>3.9632591435510289E-2</v>
      </c>
      <c r="Y226" s="201">
        <v>0.13800000000000001</v>
      </c>
      <c r="Z226" s="94">
        <v>2.9430439596800664E-2</v>
      </c>
      <c r="AA226" s="201">
        <v>0.153</v>
      </c>
      <c r="AB226" s="94">
        <v>3.0680584321195394E-2</v>
      </c>
      <c r="AC226" s="195">
        <v>554</v>
      </c>
      <c r="AD226" s="201">
        <v>0.28100000000000003</v>
      </c>
      <c r="AE226" s="94">
        <v>3.8121118836782465E-2</v>
      </c>
      <c r="AF226" s="201">
        <v>0.45100000000000001</v>
      </c>
      <c r="AG226" s="94">
        <v>4.2132518329479542E-2</v>
      </c>
      <c r="AH226" s="201">
        <v>0.123</v>
      </c>
      <c r="AI226" s="94">
        <v>2.8068195013886549E-2</v>
      </c>
      <c r="AJ226" s="201">
        <v>0.14499999999999999</v>
      </c>
      <c r="AK226" s="94">
        <v>3.0026909557809844E-2</v>
      </c>
      <c r="AL226" s="195">
        <v>554</v>
      </c>
      <c r="AM226" s="201">
        <v>0.127</v>
      </c>
      <c r="AN226" s="94">
        <v>2.8443307331714296E-2</v>
      </c>
      <c r="AO226" s="201">
        <v>0.36699999999999999</v>
      </c>
      <c r="AP226" s="94">
        <v>4.0830420941004676E-2</v>
      </c>
      <c r="AQ226" s="201">
        <v>0.22800000000000001</v>
      </c>
      <c r="AR226" s="94">
        <v>3.5627795188875405E-2</v>
      </c>
      <c r="AS226" s="201">
        <v>0.27800000000000002</v>
      </c>
      <c r="AT226" s="94">
        <v>3.7998306706099362E-2</v>
      </c>
    </row>
    <row r="227" spans="1:46">
      <c r="A227" s="49" t="s">
        <v>433</v>
      </c>
      <c r="B227" s="198">
        <v>717</v>
      </c>
      <c r="C227" s="202">
        <v>0.11</v>
      </c>
      <c r="D227" s="97">
        <v>2.3504710727055306E-2</v>
      </c>
      <c r="E227" s="202">
        <v>0.13500000000000001</v>
      </c>
      <c r="F227" s="97">
        <v>2.5613051913286104E-2</v>
      </c>
      <c r="G227" s="202">
        <v>0.745</v>
      </c>
      <c r="H227" s="97">
        <v>3.2521340219161497E-2</v>
      </c>
      <c r="I227" s="202">
        <v>0.01</v>
      </c>
      <c r="J227" s="97">
        <v>8.3464137549319733E-3</v>
      </c>
      <c r="K227" s="198">
        <v>721</v>
      </c>
      <c r="L227" s="202">
        <v>0.16400000000000001</v>
      </c>
      <c r="M227" s="97">
        <v>2.7627703479299916E-2</v>
      </c>
      <c r="N227" s="202">
        <v>0.432</v>
      </c>
      <c r="O227" s="97">
        <v>3.6797817228663557E-2</v>
      </c>
      <c r="P227" s="202">
        <v>0.34199999999999997</v>
      </c>
      <c r="Q227" s="97">
        <v>3.5257531740206391E-2</v>
      </c>
      <c r="R227" s="202">
        <v>6.3E-2</v>
      </c>
      <c r="S227" s="97">
        <v>1.8365249200882214E-2</v>
      </c>
      <c r="T227" s="198">
        <v>722</v>
      </c>
      <c r="U227" s="202">
        <v>0.38900000000000001</v>
      </c>
      <c r="V227" s="97">
        <v>3.6197681506265747E-2</v>
      </c>
      <c r="W227" s="202">
        <v>0.315</v>
      </c>
      <c r="X227" s="97">
        <v>3.4509638215067112E-2</v>
      </c>
      <c r="Y227" s="202">
        <v>0.113</v>
      </c>
      <c r="Z227" s="97">
        <v>2.3691869639899991E-2</v>
      </c>
      <c r="AA227" s="202">
        <v>0.184</v>
      </c>
      <c r="AB227" s="97">
        <v>2.8866684196394172E-2</v>
      </c>
      <c r="AC227" s="198">
        <v>720</v>
      </c>
      <c r="AD227" s="202">
        <v>0.27500000000000002</v>
      </c>
      <c r="AE227" s="97">
        <v>3.3235543692638224E-2</v>
      </c>
      <c r="AF227" s="202">
        <v>0.39800000000000002</v>
      </c>
      <c r="AG227" s="97">
        <v>3.6391869937277617E-2</v>
      </c>
      <c r="AH227" s="202">
        <v>0.16600000000000001</v>
      </c>
      <c r="AI227" s="97">
        <v>2.7779047097827671E-2</v>
      </c>
      <c r="AJ227" s="202">
        <v>0.161</v>
      </c>
      <c r="AK227" s="97">
        <v>2.7446113698458018E-2</v>
      </c>
      <c r="AL227" s="198">
        <v>723</v>
      </c>
      <c r="AM227" s="202">
        <v>0.113</v>
      </c>
      <c r="AN227" s="97">
        <v>2.3675307436461002E-2</v>
      </c>
      <c r="AO227" s="202">
        <v>0.29700000000000004</v>
      </c>
      <c r="AP227" s="97">
        <v>3.3930361691694895E-2</v>
      </c>
      <c r="AQ227" s="202">
        <v>0.22499999999999998</v>
      </c>
      <c r="AR227" s="97">
        <v>3.1048163117919525E-2</v>
      </c>
      <c r="AS227" s="202">
        <v>0.36499999999999999</v>
      </c>
      <c r="AT227" s="97">
        <v>3.5725916637573567E-2</v>
      </c>
    </row>
    <row r="228" spans="1:46">
      <c r="A228" s="45" t="s">
        <v>434</v>
      </c>
      <c r="B228" s="195">
        <v>963</v>
      </c>
      <c r="C228" s="201">
        <v>0.11899999999999999</v>
      </c>
      <c r="D228" s="94">
        <v>2.0943360314661232E-2</v>
      </c>
      <c r="E228" s="201">
        <v>0.125</v>
      </c>
      <c r="F228" s="94">
        <v>2.1382998373099083E-2</v>
      </c>
      <c r="G228" s="201">
        <v>0.74399999999999999</v>
      </c>
      <c r="H228" s="94">
        <v>2.810495348267919E-2</v>
      </c>
      <c r="I228" s="201">
        <v>1.2E-2</v>
      </c>
      <c r="J228" s="94">
        <v>7.5614251883122608E-3</v>
      </c>
      <c r="K228" s="195">
        <v>964</v>
      </c>
      <c r="L228" s="201">
        <v>0.19700000000000001</v>
      </c>
      <c r="M228" s="94">
        <v>2.5628317918361676E-2</v>
      </c>
      <c r="N228" s="201">
        <v>0.39600000000000002</v>
      </c>
      <c r="O228" s="94">
        <v>3.1444113071790472E-2</v>
      </c>
      <c r="P228" s="201">
        <v>0.32999999999999996</v>
      </c>
      <c r="Q228" s="94">
        <v>3.0242706210213629E-2</v>
      </c>
      <c r="R228" s="201">
        <v>7.6999999999999999E-2</v>
      </c>
      <c r="S228" s="94">
        <v>1.7314148515450888E-2</v>
      </c>
      <c r="T228" s="195">
        <v>971</v>
      </c>
      <c r="U228" s="201">
        <v>0.379</v>
      </c>
      <c r="V228" s="94">
        <v>3.1081621899990742E-2</v>
      </c>
      <c r="W228" s="201">
        <v>0.26100000000000001</v>
      </c>
      <c r="X228" s="94">
        <v>2.8164114189755653E-2</v>
      </c>
      <c r="Y228" s="201">
        <v>0.14100000000000001</v>
      </c>
      <c r="Z228" s="94">
        <v>2.2388121019444689E-2</v>
      </c>
      <c r="AA228" s="201">
        <v>0.219</v>
      </c>
      <c r="AB228" s="94">
        <v>2.6539611894680914E-2</v>
      </c>
      <c r="AC228" s="195">
        <v>973</v>
      </c>
      <c r="AD228" s="201">
        <v>0.26400000000000001</v>
      </c>
      <c r="AE228" s="94">
        <v>2.8237849533726499E-2</v>
      </c>
      <c r="AF228" s="201">
        <v>0.39700000000000002</v>
      </c>
      <c r="AG228" s="94">
        <v>3.1312319947128318E-2</v>
      </c>
      <c r="AH228" s="201">
        <v>0.17499999999999999</v>
      </c>
      <c r="AI228" s="94">
        <v>2.4385014948291504E-2</v>
      </c>
      <c r="AJ228" s="201">
        <v>0.16500000000000001</v>
      </c>
      <c r="AK228" s="94">
        <v>2.3829147439120225E-2</v>
      </c>
      <c r="AL228" s="195">
        <v>971</v>
      </c>
      <c r="AM228" s="201">
        <v>0.11799999999999999</v>
      </c>
      <c r="AN228" s="94">
        <v>2.0781734492568975E-2</v>
      </c>
      <c r="AO228" s="201">
        <v>0.28100000000000003</v>
      </c>
      <c r="AP228" s="94">
        <v>2.8818207842689517E-2</v>
      </c>
      <c r="AQ228" s="201">
        <v>0.24399999999999999</v>
      </c>
      <c r="AR228" s="94">
        <v>2.7549536046614073E-2</v>
      </c>
      <c r="AS228" s="201">
        <v>0.35699999999999998</v>
      </c>
      <c r="AT228" s="94">
        <v>3.0699098290533744E-2</v>
      </c>
    </row>
    <row r="229" spans="1:46">
      <c r="A229" s="49" t="s">
        <v>435</v>
      </c>
      <c r="B229" s="198">
        <v>735</v>
      </c>
      <c r="C229" s="202">
        <v>0.123</v>
      </c>
      <c r="D229" s="97">
        <v>2.4334769936925852E-2</v>
      </c>
      <c r="E229" s="202">
        <v>0.126</v>
      </c>
      <c r="F229" s="97">
        <v>2.4581379708602011E-2</v>
      </c>
      <c r="G229" s="202">
        <v>0.74</v>
      </c>
      <c r="H229" s="97">
        <v>3.2322952359277644E-2</v>
      </c>
      <c r="I229" s="202">
        <v>1.0999999999999999E-2</v>
      </c>
      <c r="J229" s="97">
        <v>8.5357116023598491E-3</v>
      </c>
      <c r="K229" s="198">
        <v>735</v>
      </c>
      <c r="L229" s="202">
        <v>0.224</v>
      </c>
      <c r="M229" s="97">
        <v>3.0745927873811769E-2</v>
      </c>
      <c r="N229" s="202">
        <v>0.38900000000000001</v>
      </c>
      <c r="O229" s="97">
        <v>3.5877706827380534E-2</v>
      </c>
      <c r="P229" s="202">
        <v>0.33299999999999996</v>
      </c>
      <c r="Q229" s="97">
        <v>3.4696604491703635E-2</v>
      </c>
      <c r="R229" s="202">
        <v>5.3999999999999999E-2</v>
      </c>
      <c r="S229" s="97">
        <v>1.6974314023526709E-2</v>
      </c>
      <c r="T229" s="198">
        <v>736</v>
      </c>
      <c r="U229" s="202">
        <v>0.42</v>
      </c>
      <c r="V229" s="97">
        <v>3.6292282121341307E-2</v>
      </c>
      <c r="W229" s="202">
        <v>0.26100000000000001</v>
      </c>
      <c r="X229" s="97">
        <v>3.2340657645928549E-2</v>
      </c>
      <c r="Y229" s="202">
        <v>0.13900000000000001</v>
      </c>
      <c r="Z229" s="97">
        <v>2.5583363249472937E-2</v>
      </c>
      <c r="AA229" s="202">
        <v>0.17899999999999999</v>
      </c>
      <c r="AB229" s="97">
        <v>2.8290954151920216E-2</v>
      </c>
      <c r="AC229" s="198">
        <v>735</v>
      </c>
      <c r="AD229" s="202">
        <v>0.32100000000000001</v>
      </c>
      <c r="AE229" s="97">
        <v>3.4374749142151252E-2</v>
      </c>
      <c r="AF229" s="202">
        <v>0.40100000000000002</v>
      </c>
      <c r="AG229" s="97">
        <v>3.6065255320793924E-2</v>
      </c>
      <c r="AH229" s="202">
        <v>0.13500000000000001</v>
      </c>
      <c r="AI229" s="97">
        <v>2.5295366517557785E-2</v>
      </c>
      <c r="AJ229" s="202">
        <v>0.14299999999999999</v>
      </c>
      <c r="AK229" s="97">
        <v>2.589945768087772E-2</v>
      </c>
      <c r="AL229" s="198">
        <v>737</v>
      </c>
      <c r="AM229" s="202">
        <v>0.17299999999999999</v>
      </c>
      <c r="AN229" s="97">
        <v>2.7902114739181905E-2</v>
      </c>
      <c r="AO229" s="202">
        <v>0.29599999999999999</v>
      </c>
      <c r="AP229" s="97">
        <v>3.3575269067749269E-2</v>
      </c>
      <c r="AQ229" s="202">
        <v>0.22600000000000001</v>
      </c>
      <c r="AR229" s="97">
        <v>3.0799718650895952E-2</v>
      </c>
      <c r="AS229" s="202">
        <v>0.30499999999999999</v>
      </c>
      <c r="AT229" s="97">
        <v>3.3859630721824852E-2</v>
      </c>
    </row>
    <row r="230" spans="1:46">
      <c r="A230" s="45" t="s">
        <v>436</v>
      </c>
      <c r="B230" s="195">
        <v>133</v>
      </c>
      <c r="C230" s="201">
        <v>7.9000000000000001E-2</v>
      </c>
      <c r="D230" s="94">
        <v>4.9215078951472445E-2</v>
      </c>
      <c r="E230" s="201">
        <v>0.11899999999999999</v>
      </c>
      <c r="F230" s="94">
        <v>5.7488001774483391E-2</v>
      </c>
      <c r="G230" s="201">
        <v>0.79600000000000004</v>
      </c>
      <c r="H230" s="94">
        <v>6.99166496061739E-2</v>
      </c>
      <c r="I230" s="201">
        <v>6.0000000000000001E-3</v>
      </c>
      <c r="J230" s="94">
        <v>2.4168655653267118E-2</v>
      </c>
      <c r="K230" s="195">
        <v>134</v>
      </c>
      <c r="L230" s="201">
        <v>0.251</v>
      </c>
      <c r="M230" s="94">
        <v>7.4511193621160071E-2</v>
      </c>
      <c r="N230" s="201">
        <v>0.4</v>
      </c>
      <c r="O230" s="94">
        <v>8.3504978337860192E-2</v>
      </c>
      <c r="P230" s="201">
        <v>0.25800000000000001</v>
      </c>
      <c r="Q230" s="94">
        <v>7.5138868805286502E-2</v>
      </c>
      <c r="R230" s="201">
        <v>9.0999999999999998E-2</v>
      </c>
      <c r="S230" s="94">
        <v>5.1717153416021115E-2</v>
      </c>
      <c r="T230" s="195">
        <v>131</v>
      </c>
      <c r="U230" s="201">
        <v>0.32500000000000001</v>
      </c>
      <c r="V230" s="94">
        <v>8.0950451909046317E-2</v>
      </c>
      <c r="W230" s="201">
        <v>0.32200000000000001</v>
      </c>
      <c r="X230" s="94">
        <v>8.076775200133457E-2</v>
      </c>
      <c r="Y230" s="201">
        <v>0.13500000000000001</v>
      </c>
      <c r="Z230" s="94">
        <v>6.0749114816373427E-2</v>
      </c>
      <c r="AA230" s="201">
        <v>0.219</v>
      </c>
      <c r="AB230" s="94">
        <v>7.2141599306188839E-2</v>
      </c>
      <c r="AC230" s="195">
        <v>133</v>
      </c>
      <c r="AD230" s="201">
        <v>0.35899999999999999</v>
      </c>
      <c r="AE230" s="94">
        <v>8.2171795534283651E-2</v>
      </c>
      <c r="AF230" s="201">
        <v>0.26600000000000001</v>
      </c>
      <c r="AG230" s="94">
        <v>7.6108787456451055E-2</v>
      </c>
      <c r="AH230" s="201">
        <v>0.20700000000000002</v>
      </c>
      <c r="AI230" s="94">
        <v>7.0263507497015584E-2</v>
      </c>
      <c r="AJ230" s="201">
        <v>0.16700000000000001</v>
      </c>
      <c r="AK230" s="94">
        <v>6.5176176871743707E-2</v>
      </c>
      <c r="AL230" s="195">
        <v>134</v>
      </c>
      <c r="AM230" s="201">
        <v>7.2999999999999995E-2</v>
      </c>
      <c r="AN230" s="94">
        <v>4.7575298558534013E-2</v>
      </c>
      <c r="AO230" s="201">
        <v>0.34099999999999997</v>
      </c>
      <c r="AP230" s="94">
        <v>8.0965787217575108E-2</v>
      </c>
      <c r="AQ230" s="201">
        <v>0.26800000000000002</v>
      </c>
      <c r="AR230" s="94">
        <v>7.5995997440772026E-2</v>
      </c>
      <c r="AS230" s="201">
        <v>0.318</v>
      </c>
      <c r="AT230" s="94">
        <v>7.9631106447796987E-2</v>
      </c>
    </row>
    <row r="231" spans="1:46">
      <c r="A231" s="49" t="s">
        <v>437</v>
      </c>
      <c r="B231" s="198">
        <v>154</v>
      </c>
      <c r="C231" s="202">
        <v>0.11700000000000001</v>
      </c>
      <c r="D231" s="97">
        <v>5.2925616490542129E-2</v>
      </c>
      <c r="E231" s="202">
        <v>0.16800000000000001</v>
      </c>
      <c r="F231" s="97">
        <v>6.0647626548650004E-2</v>
      </c>
      <c r="G231" s="202">
        <v>0.70099999999999996</v>
      </c>
      <c r="H231" s="97">
        <v>7.3194508738816541E-2</v>
      </c>
      <c r="I231" s="202">
        <v>1.4E-2</v>
      </c>
      <c r="J231" s="97">
        <v>2.5463753194727216E-2</v>
      </c>
      <c r="K231" s="198">
        <v>155</v>
      </c>
      <c r="L231" s="202">
        <v>0.20899999999999999</v>
      </c>
      <c r="M231" s="97">
        <v>6.5305491268559071E-2</v>
      </c>
      <c r="N231" s="202">
        <v>0.45100000000000001</v>
      </c>
      <c r="O231" s="97">
        <v>7.8942425556459639E-2</v>
      </c>
      <c r="P231" s="202">
        <v>0.25</v>
      </c>
      <c r="Q231" s="97">
        <v>6.9246637625288043E-2</v>
      </c>
      <c r="R231" s="202">
        <v>0.09</v>
      </c>
      <c r="S231" s="97">
        <v>4.7649525907492746E-2</v>
      </c>
      <c r="T231" s="198">
        <v>155</v>
      </c>
      <c r="U231" s="202">
        <v>0.442</v>
      </c>
      <c r="V231" s="97">
        <v>7.8796470379068853E-2</v>
      </c>
      <c r="W231" s="202">
        <v>0.27700000000000002</v>
      </c>
      <c r="X231" s="97">
        <v>7.1417210765865852E-2</v>
      </c>
      <c r="Y231" s="202">
        <v>0.13</v>
      </c>
      <c r="Z231" s="97">
        <v>5.4921649893026739E-2</v>
      </c>
      <c r="AA231" s="202">
        <v>0.152</v>
      </c>
      <c r="AB231" s="97">
        <v>5.8258292351038528E-2</v>
      </c>
      <c r="AC231" s="198">
        <v>155</v>
      </c>
      <c r="AD231" s="202">
        <v>0.30499999999999999</v>
      </c>
      <c r="AE231" s="97">
        <v>7.3350051046430831E-2</v>
      </c>
      <c r="AF231" s="202">
        <v>0.41500000000000004</v>
      </c>
      <c r="AG231" s="97">
        <v>7.8208550322926687E-2</v>
      </c>
      <c r="AH231" s="202">
        <v>0.105</v>
      </c>
      <c r="AI231" s="97">
        <v>5.0588130551960958E-2</v>
      </c>
      <c r="AJ231" s="202">
        <v>0.17499999999999999</v>
      </c>
      <c r="AK231" s="97">
        <v>6.1352188130171979E-2</v>
      </c>
      <c r="AL231" s="198">
        <v>155</v>
      </c>
      <c r="AM231" s="202">
        <v>9.5000000000000001E-2</v>
      </c>
      <c r="AN231" s="97">
        <v>4.86610717049017E-2</v>
      </c>
      <c r="AO231" s="202">
        <v>0.27600000000000002</v>
      </c>
      <c r="AP231" s="97">
        <v>7.1342353437313058E-2</v>
      </c>
      <c r="AQ231" s="202">
        <v>0.27300000000000002</v>
      </c>
      <c r="AR231" s="97">
        <v>7.1115291650880236E-2</v>
      </c>
      <c r="AS231" s="202">
        <v>0.35599999999999998</v>
      </c>
      <c r="AT231" s="97">
        <v>7.6115469584164624E-2</v>
      </c>
    </row>
    <row r="232" spans="1:46" ht="25.5">
      <c r="A232" s="45" t="s">
        <v>438</v>
      </c>
      <c r="B232" s="195">
        <v>255</v>
      </c>
      <c r="C232" s="201">
        <v>0.158</v>
      </c>
      <c r="D232" s="94">
        <v>4.5934465600999085E-2</v>
      </c>
      <c r="E232" s="201">
        <v>0.16500000000000001</v>
      </c>
      <c r="F232" s="94">
        <v>4.6700333041777307E-2</v>
      </c>
      <c r="G232" s="201">
        <v>0.66500000000000004</v>
      </c>
      <c r="H232" s="94">
        <v>5.8765870508848329E-2</v>
      </c>
      <c r="I232" s="201">
        <v>1.0999999999999999E-2</v>
      </c>
      <c r="J232" s="94">
        <v>1.6769130613312564E-2</v>
      </c>
      <c r="K232" s="195">
        <v>256</v>
      </c>
      <c r="L232" s="201">
        <v>0.23400000000000001</v>
      </c>
      <c r="M232" s="94">
        <v>5.2828366609391733E-2</v>
      </c>
      <c r="N232" s="201">
        <v>0.45</v>
      </c>
      <c r="O232" s="94">
        <v>6.1716016043829799E-2</v>
      </c>
      <c r="P232" s="201">
        <v>0.24099999999999999</v>
      </c>
      <c r="Q232" s="94">
        <v>5.3344620319847907E-2</v>
      </c>
      <c r="R232" s="201">
        <v>7.3999999999999996E-2</v>
      </c>
      <c r="S232" s="94">
        <v>3.3755893849739815E-2</v>
      </c>
      <c r="T232" s="195">
        <v>258</v>
      </c>
      <c r="U232" s="201">
        <v>0.36699999999999999</v>
      </c>
      <c r="V232" s="94">
        <v>5.9623116459138994E-2</v>
      </c>
      <c r="W232" s="201">
        <v>0.35199999999999998</v>
      </c>
      <c r="X232" s="94">
        <v>5.9097502420392072E-2</v>
      </c>
      <c r="Y232" s="201">
        <v>8.3999999999999991E-2</v>
      </c>
      <c r="Z232" s="94">
        <v>3.542281483904864E-2</v>
      </c>
      <c r="AA232" s="201">
        <v>0.19700000000000001</v>
      </c>
      <c r="AB232" s="94">
        <v>4.9574206663248889E-2</v>
      </c>
      <c r="AC232" s="195">
        <v>257</v>
      </c>
      <c r="AD232" s="201">
        <v>0.28599999999999998</v>
      </c>
      <c r="AE232" s="94">
        <v>5.6132977368420378E-2</v>
      </c>
      <c r="AF232" s="201">
        <v>0.38700000000000001</v>
      </c>
      <c r="AG232" s="94">
        <v>6.0346304294309476E-2</v>
      </c>
      <c r="AH232" s="201">
        <v>0.18099999999999999</v>
      </c>
      <c r="AI232" s="94">
        <v>4.8159092969613064E-2</v>
      </c>
      <c r="AJ232" s="201">
        <v>0.14599999999999999</v>
      </c>
      <c r="AK232" s="94">
        <v>4.4376596245490514E-2</v>
      </c>
      <c r="AL232" s="195">
        <v>256</v>
      </c>
      <c r="AM232" s="201">
        <v>0.121</v>
      </c>
      <c r="AN232" s="94">
        <v>4.1276688374749286E-2</v>
      </c>
      <c r="AO232" s="201">
        <v>0.36799999999999999</v>
      </c>
      <c r="AP232" s="94">
        <v>5.9885531712690065E-2</v>
      </c>
      <c r="AQ232" s="201">
        <v>0.2</v>
      </c>
      <c r="AR232" s="94">
        <v>5.0038128384429593E-2</v>
      </c>
      <c r="AS232" s="201">
        <v>0.311</v>
      </c>
      <c r="AT232" s="94">
        <v>5.7561960331421795E-2</v>
      </c>
    </row>
    <row r="233" spans="1:46">
      <c r="A233" s="49" t="s">
        <v>439</v>
      </c>
      <c r="B233" s="198">
        <v>402</v>
      </c>
      <c r="C233" s="202">
        <v>0.105</v>
      </c>
      <c r="D233" s="97">
        <v>3.0919287822863951E-2</v>
      </c>
      <c r="E233" s="202">
        <v>0.113</v>
      </c>
      <c r="F233" s="97">
        <v>3.1881488644550524E-2</v>
      </c>
      <c r="G233" s="202">
        <v>0.78100000000000003</v>
      </c>
      <c r="H233" s="97">
        <v>4.1235502582282826E-2</v>
      </c>
      <c r="I233" s="202">
        <v>1E-3</v>
      </c>
      <c r="J233" s="97">
        <v>7.6120555607035942E-3</v>
      </c>
      <c r="K233" s="198">
        <v>404</v>
      </c>
      <c r="L233" s="202">
        <v>0.20799999999999999</v>
      </c>
      <c r="M233" s="97">
        <v>4.0390210402405362E-2</v>
      </c>
      <c r="N233" s="202">
        <v>0.32</v>
      </c>
      <c r="O233" s="97">
        <v>4.6255066487814245E-2</v>
      </c>
      <c r="P233" s="202">
        <v>0.40200000000000002</v>
      </c>
      <c r="Q233" s="97">
        <v>4.8566044643794756E-2</v>
      </c>
      <c r="R233" s="202">
        <v>6.9000000000000006E-2</v>
      </c>
      <c r="S233" s="97">
        <v>2.5793964520836668E-2</v>
      </c>
      <c r="T233" s="198">
        <v>405</v>
      </c>
      <c r="U233" s="202">
        <v>0.39100000000000001</v>
      </c>
      <c r="V233" s="97">
        <v>4.8280988357531814E-2</v>
      </c>
      <c r="W233" s="202">
        <v>0.28400000000000003</v>
      </c>
      <c r="X233" s="97">
        <v>4.4694247812006926E-2</v>
      </c>
      <c r="Y233" s="202">
        <v>0.20800000000000002</v>
      </c>
      <c r="Z233" s="97">
        <v>4.0340312758132414E-2</v>
      </c>
      <c r="AA233" s="202">
        <v>0.11799999999999999</v>
      </c>
      <c r="AB233" s="97">
        <v>3.2336298559205535E-2</v>
      </c>
      <c r="AC233" s="198">
        <v>405</v>
      </c>
      <c r="AD233" s="202">
        <v>0.28599999999999998</v>
      </c>
      <c r="AE233" s="97">
        <v>4.4786413523432878E-2</v>
      </c>
      <c r="AF233" s="202">
        <v>0.36299999999999999</v>
      </c>
      <c r="AG233" s="97">
        <v>4.7592023801895936E-2</v>
      </c>
      <c r="AH233" s="202">
        <v>0.23499999999999999</v>
      </c>
      <c r="AI233" s="97">
        <v>4.208988835938747E-2</v>
      </c>
      <c r="AJ233" s="202">
        <v>0.11600000000000001</v>
      </c>
      <c r="AK233" s="97">
        <v>3.2108331475129682E-2</v>
      </c>
      <c r="AL233" s="198">
        <v>406</v>
      </c>
      <c r="AM233" s="202">
        <v>0.11</v>
      </c>
      <c r="AN233" s="97">
        <v>3.1367736692042264E-2</v>
      </c>
      <c r="AO233" s="202">
        <v>0.27899999999999997</v>
      </c>
      <c r="AP233" s="97">
        <v>4.4404718093118821E-2</v>
      </c>
      <c r="AQ233" s="202">
        <v>0.33100000000000002</v>
      </c>
      <c r="AR233" s="97">
        <v>4.6538058836516107E-2</v>
      </c>
      <c r="AS233" s="202">
        <v>0.28000000000000003</v>
      </c>
      <c r="AT233" s="97">
        <v>4.4452197779596234E-2</v>
      </c>
    </row>
    <row r="234" spans="1:46">
      <c r="A234" s="45" t="s">
        <v>440</v>
      </c>
      <c r="B234" s="195">
        <v>405</v>
      </c>
      <c r="C234" s="201">
        <v>0.128</v>
      </c>
      <c r="D234" s="94">
        <v>3.3435635562668597E-2</v>
      </c>
      <c r="E234" s="201">
        <v>0.13400000000000001</v>
      </c>
      <c r="F234" s="94">
        <v>3.4064709557895916E-2</v>
      </c>
      <c r="G234" s="201">
        <v>0.71899999999999997</v>
      </c>
      <c r="H234" s="94">
        <v>4.4554027543985388E-2</v>
      </c>
      <c r="I234" s="201">
        <v>1.9E-2</v>
      </c>
      <c r="J234" s="94">
        <v>1.5044276769558725E-2</v>
      </c>
      <c r="K234" s="195">
        <v>409</v>
      </c>
      <c r="L234" s="201">
        <v>0.17100000000000001</v>
      </c>
      <c r="M234" s="94">
        <v>3.7325286245863752E-2</v>
      </c>
      <c r="N234" s="201">
        <v>0.42700000000000005</v>
      </c>
      <c r="O234" s="94">
        <v>4.8689730266569795E-2</v>
      </c>
      <c r="P234" s="201">
        <v>0.35</v>
      </c>
      <c r="Q234" s="94">
        <v>4.6985003508102689E-2</v>
      </c>
      <c r="R234" s="201">
        <v>5.2999999999999999E-2</v>
      </c>
      <c r="S234" s="94">
        <v>2.2878275522178516E-2</v>
      </c>
      <c r="T234" s="195">
        <v>409</v>
      </c>
      <c r="U234" s="201">
        <v>0.32700000000000001</v>
      </c>
      <c r="V234" s="94">
        <v>4.6227978179569675E-2</v>
      </c>
      <c r="W234" s="201">
        <v>0.35499999999999998</v>
      </c>
      <c r="X234" s="94">
        <v>4.7133861375203312E-2</v>
      </c>
      <c r="Y234" s="201">
        <v>0.13200000000000001</v>
      </c>
      <c r="Z234" s="94">
        <v>3.3689440785723286E-2</v>
      </c>
      <c r="AA234" s="201">
        <v>0.186</v>
      </c>
      <c r="AB234" s="94">
        <v>3.8532977130000139E-2</v>
      </c>
      <c r="AC234" s="195">
        <v>407</v>
      </c>
      <c r="AD234" s="201">
        <v>0.254</v>
      </c>
      <c r="AE234" s="94">
        <v>4.307591838311612E-2</v>
      </c>
      <c r="AF234" s="201">
        <v>0.45</v>
      </c>
      <c r="AG234" s="94">
        <v>4.9083911963681469E-2</v>
      </c>
      <c r="AH234" s="201">
        <v>0.13800000000000001</v>
      </c>
      <c r="AI234" s="94">
        <v>3.438642895017982E-2</v>
      </c>
      <c r="AJ234" s="201">
        <v>0.158</v>
      </c>
      <c r="AK234" s="94">
        <v>3.6287791655777314E-2</v>
      </c>
      <c r="AL234" s="195">
        <v>411</v>
      </c>
      <c r="AM234" s="201">
        <v>0.151</v>
      </c>
      <c r="AN234" s="94">
        <v>3.5470762514490939E-2</v>
      </c>
      <c r="AO234" s="201">
        <v>0.29399999999999998</v>
      </c>
      <c r="AP234" s="94">
        <v>4.4815885844818583E-2</v>
      </c>
      <c r="AQ234" s="201">
        <v>0.24099999999999999</v>
      </c>
      <c r="AR234" s="94">
        <v>4.2136427393010441E-2</v>
      </c>
      <c r="AS234" s="201">
        <v>0.312</v>
      </c>
      <c r="AT234" s="94">
        <v>4.5557753268891513E-2</v>
      </c>
    </row>
    <row r="235" spans="1:46">
      <c r="A235" s="49" t="s">
        <v>441</v>
      </c>
      <c r="B235" s="198">
        <v>281</v>
      </c>
      <c r="C235" s="202">
        <v>0.114</v>
      </c>
      <c r="D235" s="97">
        <v>3.8417283040123401E-2</v>
      </c>
      <c r="E235" s="202">
        <v>0.2</v>
      </c>
      <c r="F235" s="97">
        <v>4.7757955120585907E-2</v>
      </c>
      <c r="G235" s="202">
        <v>0.68500000000000005</v>
      </c>
      <c r="H235" s="97">
        <v>5.515260614639609E-2</v>
      </c>
      <c r="I235" s="202">
        <v>2E-3</v>
      </c>
      <c r="J235" s="97">
        <v>1.1181854377856957E-2</v>
      </c>
      <c r="K235" s="198">
        <v>278</v>
      </c>
      <c r="L235" s="202">
        <v>0.19900000000000001</v>
      </c>
      <c r="M235" s="97">
        <v>4.7928879414230546E-2</v>
      </c>
      <c r="N235" s="202">
        <v>0.41500000000000004</v>
      </c>
      <c r="O235" s="97">
        <v>5.8706930600777085E-2</v>
      </c>
      <c r="P235" s="202">
        <v>0.30599999999999999</v>
      </c>
      <c r="Q235" s="97">
        <v>5.5020836245110685E-2</v>
      </c>
      <c r="R235" s="202">
        <v>8.1000000000000003E-2</v>
      </c>
      <c r="S235" s="97">
        <v>3.3556162624890112E-2</v>
      </c>
      <c r="T235" s="198">
        <v>280</v>
      </c>
      <c r="U235" s="202">
        <v>0.42099999999999999</v>
      </c>
      <c r="V235" s="97">
        <v>5.8614708144197968E-2</v>
      </c>
      <c r="W235" s="202">
        <v>0.28400000000000003</v>
      </c>
      <c r="X235" s="97">
        <v>5.3687803610729182E-2</v>
      </c>
      <c r="Y235" s="202">
        <v>8.8999999999999996E-2</v>
      </c>
      <c r="Z235" s="97">
        <v>3.4763553159099972E-2</v>
      </c>
      <c r="AA235" s="202">
        <v>0.20599999999999999</v>
      </c>
      <c r="AB235" s="97">
        <v>4.8350491251638858E-2</v>
      </c>
      <c r="AC235" s="198">
        <v>281</v>
      </c>
      <c r="AD235" s="202">
        <v>0.316</v>
      </c>
      <c r="AE235" s="97">
        <v>5.5198229666492377E-2</v>
      </c>
      <c r="AF235" s="202">
        <v>0.372</v>
      </c>
      <c r="AG235" s="97">
        <v>5.731693046146976E-2</v>
      </c>
      <c r="AH235" s="202">
        <v>0.10500000000000001</v>
      </c>
      <c r="AI235" s="97">
        <v>3.714814622996384E-2</v>
      </c>
      <c r="AJ235" s="202">
        <v>0.20599999999999999</v>
      </c>
      <c r="AK235" s="97">
        <v>4.8264366602493336E-2</v>
      </c>
      <c r="AL235" s="198">
        <v>280</v>
      </c>
      <c r="AM235" s="202">
        <v>0.15</v>
      </c>
      <c r="AN235" s="97">
        <v>4.2942215266461713E-2</v>
      </c>
      <c r="AO235" s="202">
        <v>0.32199999999999995</v>
      </c>
      <c r="AP235" s="97">
        <v>5.5563974267124214E-2</v>
      </c>
      <c r="AQ235" s="202">
        <v>0.14700000000000002</v>
      </c>
      <c r="AR235" s="97">
        <v>4.2604700126335639E-2</v>
      </c>
      <c r="AS235" s="202">
        <v>0.38200000000000001</v>
      </c>
      <c r="AT235" s="97">
        <v>5.7710479825719072E-2</v>
      </c>
    </row>
    <row r="236" spans="1:46">
      <c r="A236" s="45" t="s">
        <v>442</v>
      </c>
      <c r="B236" s="195">
        <v>766</v>
      </c>
      <c r="C236" s="201">
        <v>0.14000000000000001</v>
      </c>
      <c r="D236" s="94">
        <v>2.5148183804785684E-2</v>
      </c>
      <c r="E236" s="201">
        <v>0.14799999999999999</v>
      </c>
      <c r="F236" s="94">
        <v>2.5723804793432541E-2</v>
      </c>
      <c r="G236" s="201">
        <v>0.69699999999999995</v>
      </c>
      <c r="H236" s="94">
        <v>3.3153963003005549E-2</v>
      </c>
      <c r="I236" s="201">
        <v>1.4E-2</v>
      </c>
      <c r="J236" s="94">
        <v>9.1882506651798888E-3</v>
      </c>
      <c r="K236" s="195">
        <v>769</v>
      </c>
      <c r="L236" s="201">
        <v>0.23699999999999999</v>
      </c>
      <c r="M236" s="94">
        <v>3.0650135036471082E-2</v>
      </c>
      <c r="N236" s="201">
        <v>0.40900000000000003</v>
      </c>
      <c r="O236" s="94">
        <v>3.5373042901761159E-2</v>
      </c>
      <c r="P236" s="201">
        <v>0.26900000000000002</v>
      </c>
      <c r="Q236" s="94">
        <v>3.1943499565545451E-2</v>
      </c>
      <c r="R236" s="201">
        <v>8.5999999999999993E-2</v>
      </c>
      <c r="S236" s="94">
        <v>2.0393697779594131E-2</v>
      </c>
      <c r="T236" s="195">
        <v>769</v>
      </c>
      <c r="U236" s="201">
        <v>0.42</v>
      </c>
      <c r="V236" s="94">
        <v>3.5508945291646027E-2</v>
      </c>
      <c r="W236" s="201">
        <v>0.26500000000000001</v>
      </c>
      <c r="X236" s="94">
        <v>3.179372884375687E-2</v>
      </c>
      <c r="Y236" s="201">
        <v>0.123</v>
      </c>
      <c r="Z236" s="94">
        <v>2.3786254767755567E-2</v>
      </c>
      <c r="AA236" s="201">
        <v>0.192</v>
      </c>
      <c r="AB236" s="94">
        <v>2.8422540363219444E-2</v>
      </c>
      <c r="AC236" s="195">
        <v>768</v>
      </c>
      <c r="AD236" s="201">
        <v>0.30299999999999999</v>
      </c>
      <c r="AE236" s="94">
        <v>3.3110908297789274E-2</v>
      </c>
      <c r="AF236" s="201">
        <v>0.40600000000000003</v>
      </c>
      <c r="AG236" s="94">
        <v>3.5355729435249054E-2</v>
      </c>
      <c r="AH236" s="201">
        <v>0.12</v>
      </c>
      <c r="AI236" s="94">
        <v>2.3555963178319182E-2</v>
      </c>
      <c r="AJ236" s="201">
        <v>0.17</v>
      </c>
      <c r="AK236" s="94">
        <v>2.7146271782964079E-2</v>
      </c>
      <c r="AL236" s="195">
        <v>771</v>
      </c>
      <c r="AM236" s="201">
        <v>0.14599999999999999</v>
      </c>
      <c r="AN236" s="94">
        <v>2.5498816795674849E-2</v>
      </c>
      <c r="AO236" s="201">
        <v>0.33200000000000002</v>
      </c>
      <c r="AP236" s="94">
        <v>3.3854839471794448E-2</v>
      </c>
      <c r="AQ236" s="201">
        <v>0.19800000000000001</v>
      </c>
      <c r="AR236" s="94">
        <v>2.8713043552279709E-2</v>
      </c>
      <c r="AS236" s="201">
        <v>0.32300000000000001</v>
      </c>
      <c r="AT236" s="94">
        <v>3.3619776173834333E-2</v>
      </c>
    </row>
    <row r="237" spans="1:46">
      <c r="A237" s="49" t="s">
        <v>443</v>
      </c>
      <c r="B237" s="198">
        <v>1006</v>
      </c>
      <c r="C237" s="202">
        <v>0.11799999999999999</v>
      </c>
      <c r="D237" s="97">
        <v>2.0414472141284157E-2</v>
      </c>
      <c r="E237" s="202">
        <v>0.14699999999999999</v>
      </c>
      <c r="F237" s="97">
        <v>2.2371839399171051E-2</v>
      </c>
      <c r="G237" s="202">
        <v>0.72499999999999998</v>
      </c>
      <c r="H237" s="97">
        <v>2.8128080191936307E-2</v>
      </c>
      <c r="I237" s="202">
        <v>0.01</v>
      </c>
      <c r="J237" s="97">
        <v>6.8355553485019305E-3</v>
      </c>
      <c r="K237" s="198">
        <v>1008</v>
      </c>
      <c r="L237" s="202">
        <v>0.182</v>
      </c>
      <c r="M237" s="97">
        <v>2.4322749104259165E-2</v>
      </c>
      <c r="N237" s="202">
        <v>0.41500000000000004</v>
      </c>
      <c r="O237" s="97">
        <v>3.0980805083081129E-2</v>
      </c>
      <c r="P237" s="202">
        <v>0.33200000000000002</v>
      </c>
      <c r="Q237" s="97">
        <v>2.9622037630545037E-2</v>
      </c>
      <c r="R237" s="202">
        <v>7.1999999999999995E-2</v>
      </c>
      <c r="S237" s="97">
        <v>1.6425810333589298E-2</v>
      </c>
      <c r="T237" s="198">
        <v>1009</v>
      </c>
      <c r="U237" s="202">
        <v>0.36699999999999999</v>
      </c>
      <c r="V237" s="97">
        <v>3.0296359165123597E-2</v>
      </c>
      <c r="W237" s="202">
        <v>0.28800000000000003</v>
      </c>
      <c r="X237" s="97">
        <v>2.8479759324578021E-2</v>
      </c>
      <c r="Y237" s="202">
        <v>0.14800000000000002</v>
      </c>
      <c r="Z237" s="97">
        <v>2.2400163890646078E-2</v>
      </c>
      <c r="AA237" s="202">
        <v>0.19600000000000001</v>
      </c>
      <c r="AB237" s="97">
        <v>2.5002459830111057E-2</v>
      </c>
      <c r="AC237" s="198">
        <v>1012</v>
      </c>
      <c r="AD237" s="202">
        <v>0.27100000000000002</v>
      </c>
      <c r="AE237" s="97">
        <v>2.79179836787663E-2</v>
      </c>
      <c r="AF237" s="202">
        <v>0.38</v>
      </c>
      <c r="AG237" s="97">
        <v>3.0463167551471024E-2</v>
      </c>
      <c r="AH237" s="202">
        <v>0.16999999999999998</v>
      </c>
      <c r="AI237" s="97">
        <v>2.3640665648194076E-2</v>
      </c>
      <c r="AJ237" s="202">
        <v>0.18</v>
      </c>
      <c r="AK237" s="97">
        <v>2.4171688392045389E-2</v>
      </c>
      <c r="AL237" s="198">
        <v>1009</v>
      </c>
      <c r="AM237" s="202">
        <v>0.11700000000000001</v>
      </c>
      <c r="AN237" s="97">
        <v>2.0310245708895898E-2</v>
      </c>
      <c r="AO237" s="202">
        <v>0.29099999999999998</v>
      </c>
      <c r="AP237" s="97">
        <v>2.8566493492401857E-2</v>
      </c>
      <c r="AQ237" s="202">
        <v>0.23599999999999999</v>
      </c>
      <c r="AR237" s="97">
        <v>2.6723203750803746E-2</v>
      </c>
      <c r="AS237" s="202">
        <v>0.35599999999999998</v>
      </c>
      <c r="AT237" s="97">
        <v>3.0098714577448647E-2</v>
      </c>
    </row>
    <row r="238" spans="1:46">
      <c r="A238" s="45" t="s">
        <v>444</v>
      </c>
      <c r="B238" s="195">
        <v>279</v>
      </c>
      <c r="C238" s="201">
        <v>0.11799999999999999</v>
      </c>
      <c r="D238" s="94">
        <v>3.9101554414563415E-2</v>
      </c>
      <c r="E238" s="201">
        <v>0.16</v>
      </c>
      <c r="F238" s="94">
        <v>4.4107922609964052E-2</v>
      </c>
      <c r="G238" s="201">
        <v>0.71499999999999997</v>
      </c>
      <c r="H238" s="94">
        <v>5.383819221240977E-2</v>
      </c>
      <c r="I238" s="201">
        <v>7.0000000000000001E-3</v>
      </c>
      <c r="J238" s="94">
        <v>1.3952512763217325E-2</v>
      </c>
      <c r="K238" s="195">
        <v>281</v>
      </c>
      <c r="L238" s="201">
        <v>0.29199999999999998</v>
      </c>
      <c r="M238" s="94">
        <v>5.40229848117533E-2</v>
      </c>
      <c r="N238" s="201">
        <v>0.34299999999999997</v>
      </c>
      <c r="O238" s="94">
        <v>5.6324628785000545E-2</v>
      </c>
      <c r="P238" s="201">
        <v>0.31999999999999995</v>
      </c>
      <c r="Q238" s="94">
        <v>5.5377884167921068E-2</v>
      </c>
      <c r="R238" s="201">
        <v>4.5999999999999999E-2</v>
      </c>
      <c r="S238" s="94">
        <v>2.6392213309660736E-2</v>
      </c>
      <c r="T238" s="195">
        <v>281</v>
      </c>
      <c r="U238" s="201">
        <v>0.45500000000000002</v>
      </c>
      <c r="V238" s="94">
        <v>5.900121238282105E-2</v>
      </c>
      <c r="W238" s="201">
        <v>0.309</v>
      </c>
      <c r="X238" s="94">
        <v>5.4872847202566438E-2</v>
      </c>
      <c r="Y238" s="201">
        <v>0.1</v>
      </c>
      <c r="Z238" s="94">
        <v>3.6410854498847879E-2</v>
      </c>
      <c r="AA238" s="201">
        <v>0.13600000000000001</v>
      </c>
      <c r="AB238" s="94">
        <v>4.124332357058301E-2</v>
      </c>
      <c r="AC238" s="195">
        <v>281</v>
      </c>
      <c r="AD238" s="201">
        <v>0.33300000000000002</v>
      </c>
      <c r="AE238" s="94">
        <v>5.5930828889595621E-2</v>
      </c>
      <c r="AF238" s="201">
        <v>0.39500000000000002</v>
      </c>
      <c r="AG238" s="94">
        <v>5.7951256219259735E-2</v>
      </c>
      <c r="AH238" s="201">
        <v>0.154</v>
      </c>
      <c r="AI238" s="94">
        <v>4.3305664638778031E-2</v>
      </c>
      <c r="AJ238" s="201">
        <v>0.11799999999999999</v>
      </c>
      <c r="AK238" s="94">
        <v>3.8958973946847324E-2</v>
      </c>
      <c r="AL238" s="195">
        <v>280</v>
      </c>
      <c r="AM238" s="201">
        <v>0.246</v>
      </c>
      <c r="AN238" s="94">
        <v>5.1360168961478013E-2</v>
      </c>
      <c r="AO238" s="201">
        <v>0.26900000000000002</v>
      </c>
      <c r="AP238" s="94">
        <v>5.2825988770578744E-2</v>
      </c>
      <c r="AQ238" s="201">
        <v>0.23</v>
      </c>
      <c r="AR238" s="94">
        <v>5.0230322993521051E-2</v>
      </c>
      <c r="AS238" s="201">
        <v>0.255</v>
      </c>
      <c r="AT238" s="94">
        <v>5.1955281111384449E-2</v>
      </c>
    </row>
    <row r="239" spans="1:46">
      <c r="A239" s="49" t="s">
        <v>445</v>
      </c>
      <c r="B239" s="198">
        <v>191</v>
      </c>
      <c r="C239" s="202">
        <v>8.5000000000000006E-2</v>
      </c>
      <c r="D239" s="97">
        <v>4.1699332322652674E-2</v>
      </c>
      <c r="E239" s="202">
        <v>0.14699999999999999</v>
      </c>
      <c r="F239" s="97">
        <v>5.1729222341992384E-2</v>
      </c>
      <c r="G239" s="202">
        <v>0.76800000000000002</v>
      </c>
      <c r="H239" s="97">
        <v>6.0948469842945982E-2</v>
      </c>
      <c r="I239" s="202">
        <v>0</v>
      </c>
      <c r="J239" s="97">
        <v>1.4430179418585315E-2</v>
      </c>
      <c r="K239" s="198">
        <v>193</v>
      </c>
      <c r="L239" s="202">
        <v>4.4999999999999998E-2</v>
      </c>
      <c r="M239" s="97">
        <v>3.2273185192920412E-2</v>
      </c>
      <c r="N239" s="202">
        <v>0.48799999999999999</v>
      </c>
      <c r="O239" s="97">
        <v>7.1227352920220158E-2</v>
      </c>
      <c r="P239" s="202">
        <v>0.40500000000000003</v>
      </c>
      <c r="Q239" s="97">
        <v>7.0001853010356246E-2</v>
      </c>
      <c r="R239" s="202">
        <v>6.2E-2</v>
      </c>
      <c r="S239" s="97">
        <v>3.6570639997154424E-2</v>
      </c>
      <c r="T239" s="198">
        <v>193</v>
      </c>
      <c r="U239" s="202">
        <v>0.30099999999999999</v>
      </c>
      <c r="V239" s="97">
        <v>6.5607792640155954E-2</v>
      </c>
      <c r="W239" s="202">
        <v>0.35</v>
      </c>
      <c r="X239" s="97">
        <v>6.8100318564061277E-2</v>
      </c>
      <c r="Y239" s="202">
        <v>0.14699999999999999</v>
      </c>
      <c r="Z239" s="97">
        <v>5.145593762805438E-2</v>
      </c>
      <c r="AA239" s="202">
        <v>0.20300000000000001</v>
      </c>
      <c r="AB239" s="97">
        <v>5.7940407852778313E-2</v>
      </c>
      <c r="AC239" s="198">
        <v>192</v>
      </c>
      <c r="AD239" s="202">
        <v>0.25800000000000001</v>
      </c>
      <c r="AE239" s="97">
        <v>6.2889922596159969E-2</v>
      </c>
      <c r="AF239" s="202">
        <v>0.41200000000000003</v>
      </c>
      <c r="AG239" s="97">
        <v>7.0358971159692404E-2</v>
      </c>
      <c r="AH239" s="202">
        <v>0.19500000000000001</v>
      </c>
      <c r="AI239" s="97">
        <v>5.7273635082443937E-2</v>
      </c>
      <c r="AJ239" s="202">
        <v>0.13500000000000001</v>
      </c>
      <c r="AK239" s="97">
        <v>4.9930005662024726E-2</v>
      </c>
      <c r="AL239" s="198">
        <v>194</v>
      </c>
      <c r="AM239" s="202">
        <v>4.2999999999999997E-2</v>
      </c>
      <c r="AN239" s="97">
        <v>3.162408864565474E-2</v>
      </c>
      <c r="AO239" s="202">
        <v>0.32200000000000001</v>
      </c>
      <c r="AP239" s="97">
        <v>6.6603489866817869E-2</v>
      </c>
      <c r="AQ239" s="202">
        <v>0.27</v>
      </c>
      <c r="AR239" s="97">
        <v>6.3439430128457902E-2</v>
      </c>
      <c r="AS239" s="202">
        <v>0.36599999999999999</v>
      </c>
      <c r="AT239" s="97">
        <v>6.8573070474469811E-2</v>
      </c>
    </row>
    <row r="240" spans="1:46">
      <c r="A240" s="45" t="s">
        <v>446</v>
      </c>
      <c r="B240" s="195">
        <v>165</v>
      </c>
      <c r="C240" s="201">
        <v>0.13</v>
      </c>
      <c r="D240" s="94">
        <v>5.3183567640645087E-2</v>
      </c>
      <c r="E240" s="201">
        <v>9.4E-2</v>
      </c>
      <c r="F240" s="94">
        <v>4.6885115971123E-2</v>
      </c>
      <c r="G240" s="201">
        <v>0.77100000000000002</v>
      </c>
      <c r="H240" s="94">
        <v>6.5270371698400068E-2</v>
      </c>
      <c r="I240" s="201">
        <v>5.0000000000000001E-3</v>
      </c>
      <c r="J240" s="94">
        <v>1.9723864418846156E-2</v>
      </c>
      <c r="K240" s="195">
        <v>164</v>
      </c>
      <c r="L240" s="201">
        <v>0.27600000000000002</v>
      </c>
      <c r="M240" s="94">
        <v>6.9382461227070383E-2</v>
      </c>
      <c r="N240" s="201">
        <v>0.33300000000000002</v>
      </c>
      <c r="O240" s="94">
        <v>7.2935594146699145E-2</v>
      </c>
      <c r="P240" s="201">
        <v>0.33999999999999997</v>
      </c>
      <c r="Q240" s="94">
        <v>7.3290767161548989E-2</v>
      </c>
      <c r="R240" s="201">
        <v>5.0999999999999997E-2</v>
      </c>
      <c r="S240" s="94">
        <v>3.7124232022798569E-2</v>
      </c>
      <c r="T240" s="195">
        <v>166</v>
      </c>
      <c r="U240" s="201">
        <v>0.38400000000000001</v>
      </c>
      <c r="V240" s="94">
        <v>7.4702511784029521E-2</v>
      </c>
      <c r="W240" s="201">
        <v>0.32699999999999996</v>
      </c>
      <c r="X240" s="94">
        <v>7.2186499282121827E-2</v>
      </c>
      <c r="Y240" s="201">
        <v>0.182</v>
      </c>
      <c r="Z240" s="94">
        <v>6.0113381277295139E-2</v>
      </c>
      <c r="AA240" s="201">
        <v>0.108</v>
      </c>
      <c r="AB240" s="94">
        <v>4.9344449253127178E-2</v>
      </c>
      <c r="AC240" s="195">
        <v>166</v>
      </c>
      <c r="AD240" s="201">
        <v>0.372</v>
      </c>
      <c r="AE240" s="94">
        <v>7.4261531651646701E-2</v>
      </c>
      <c r="AF240" s="201">
        <v>0.35599999999999998</v>
      </c>
      <c r="AG240" s="94">
        <v>7.3601203894613124E-2</v>
      </c>
      <c r="AH240" s="201">
        <v>0.186</v>
      </c>
      <c r="AI240" s="94">
        <v>6.0583287492401182E-2</v>
      </c>
      <c r="AJ240" s="201">
        <v>8.5999999999999993E-2</v>
      </c>
      <c r="AK240" s="94">
        <v>4.513373685305011E-2</v>
      </c>
      <c r="AL240" s="195">
        <v>167</v>
      </c>
      <c r="AM240" s="201">
        <v>0.127</v>
      </c>
      <c r="AN240" s="94">
        <v>5.2382719102211608E-2</v>
      </c>
      <c r="AO240" s="201">
        <v>0.31</v>
      </c>
      <c r="AP240" s="94">
        <v>7.1010934962639979E-2</v>
      </c>
      <c r="AQ240" s="201">
        <v>0.32999999999999996</v>
      </c>
      <c r="AR240" s="94">
        <v>7.2133118229557633E-2</v>
      </c>
      <c r="AS240" s="201">
        <v>0.23300000000000001</v>
      </c>
      <c r="AT240" s="94">
        <v>6.5249346338965411E-2</v>
      </c>
    </row>
    <row r="241" spans="1:46">
      <c r="A241" s="49" t="s">
        <v>447</v>
      </c>
      <c r="B241" s="198">
        <v>79</v>
      </c>
      <c r="C241" s="202">
        <v>0.11600000000000001</v>
      </c>
      <c r="D241" s="97">
        <v>7.4902073765480928E-2</v>
      </c>
      <c r="E241" s="202">
        <v>7.1999999999999995E-2</v>
      </c>
      <c r="F241" s="97">
        <v>6.3643145328232911E-2</v>
      </c>
      <c r="G241" s="202">
        <v>0.78800000000000003</v>
      </c>
      <c r="H241" s="97">
        <v>9.1798092057690739E-2</v>
      </c>
      <c r="I241" s="202">
        <v>2.4E-2</v>
      </c>
      <c r="J241" s="97">
        <v>4.6432445063678079E-2</v>
      </c>
      <c r="K241" s="198">
        <v>78</v>
      </c>
      <c r="L241" s="202">
        <v>8.2000000000000003E-2</v>
      </c>
      <c r="M241" s="97">
        <v>6.6957023659715578E-2</v>
      </c>
      <c r="N241" s="202">
        <v>0.44200000000000006</v>
      </c>
      <c r="O241" s="97">
        <v>0.10975720218890227</v>
      </c>
      <c r="P241" s="202">
        <v>0.38</v>
      </c>
      <c r="Q241" s="97">
        <v>0.10751531093019027</v>
      </c>
      <c r="R241" s="202">
        <v>9.6000000000000002E-2</v>
      </c>
      <c r="S241" s="97">
        <v>7.0648264387187354E-2</v>
      </c>
      <c r="T241" s="198">
        <v>79</v>
      </c>
      <c r="U241" s="202">
        <v>0.19500000000000001</v>
      </c>
      <c r="V241" s="97">
        <v>8.9368658553148336E-2</v>
      </c>
      <c r="W241" s="202">
        <v>0.33399999999999996</v>
      </c>
      <c r="X241" s="97">
        <v>0.10413985036351329</v>
      </c>
      <c r="Y241" s="202">
        <v>0.20900000000000002</v>
      </c>
      <c r="Z241" s="97">
        <v>9.1384095744467236E-2</v>
      </c>
      <c r="AA241" s="202">
        <v>0.26200000000000001</v>
      </c>
      <c r="AB241" s="97">
        <v>9.7852631885714358E-2</v>
      </c>
      <c r="AC241" s="198">
        <v>79</v>
      </c>
      <c r="AD241" s="202">
        <v>0.20499999999999999</v>
      </c>
      <c r="AE241" s="97">
        <v>9.0822435656780387E-2</v>
      </c>
      <c r="AF241" s="202">
        <v>0.36</v>
      </c>
      <c r="AG241" s="97">
        <v>0.10579444374233953</v>
      </c>
      <c r="AH241" s="202">
        <v>0.184</v>
      </c>
      <c r="AI241" s="97">
        <v>8.7684196437518069E-2</v>
      </c>
      <c r="AJ241" s="202">
        <v>0.25</v>
      </c>
      <c r="AK241" s="97">
        <v>9.6537385837867501E-2</v>
      </c>
      <c r="AL241" s="198">
        <v>79</v>
      </c>
      <c r="AM241" s="202">
        <v>6.6000000000000003E-2</v>
      </c>
      <c r="AN241" s="97">
        <v>6.1843693462158303E-2</v>
      </c>
      <c r="AO241" s="202">
        <v>0.33200000000000002</v>
      </c>
      <c r="AP241" s="97">
        <v>0.10399972986140106</v>
      </c>
      <c r="AQ241" s="202">
        <v>0.216</v>
      </c>
      <c r="AR241" s="97">
        <v>9.2340581021692889E-2</v>
      </c>
      <c r="AS241" s="202">
        <v>0.38600000000000001</v>
      </c>
      <c r="AT241" s="97">
        <v>0.10714845972273215</v>
      </c>
    </row>
    <row r="243" spans="1:46" ht="18.75">
      <c r="A243" s="335" t="s">
        <v>16</v>
      </c>
      <c r="B243" s="335"/>
      <c r="C243" s="335"/>
      <c r="D243" s="335"/>
    </row>
    <row r="244" spans="1:46" ht="88.15" customHeight="1">
      <c r="A244" s="406" t="s">
        <v>501</v>
      </c>
      <c r="B244" s="406"/>
      <c r="C244" s="406"/>
      <c r="D244" s="406"/>
    </row>
    <row r="245" spans="1:46" ht="38.25" customHeight="1">
      <c r="A245" s="383" t="s">
        <v>168</v>
      </c>
      <c r="B245" s="383"/>
      <c r="C245" s="383"/>
      <c r="D245" s="383"/>
    </row>
    <row r="246" spans="1:46" ht="40.5" customHeight="1">
      <c r="A246" s="37" t="s">
        <v>85</v>
      </c>
      <c r="B246" s="38" t="s">
        <v>86</v>
      </c>
      <c r="C246" s="39" t="s">
        <v>87</v>
      </c>
      <c r="D246" s="40" t="s">
        <v>88</v>
      </c>
    </row>
    <row r="247" spans="1:46" ht="72">
      <c r="A247" s="41"/>
      <c r="B247" s="42" t="s">
        <v>89</v>
      </c>
      <c r="C247" s="125" t="s">
        <v>169</v>
      </c>
      <c r="D247" s="44" t="s">
        <v>91</v>
      </c>
    </row>
    <row r="248" spans="1:46">
      <c r="A248" s="45" t="s">
        <v>424</v>
      </c>
      <c r="B248" s="203">
        <v>11010</v>
      </c>
      <c r="C248" s="84">
        <v>5.5</v>
      </c>
      <c r="D248" s="85">
        <v>1.9599999999999999E-2</v>
      </c>
    </row>
    <row r="249" spans="1:46">
      <c r="A249" s="49" t="s">
        <v>425</v>
      </c>
      <c r="B249" s="49">
        <v>8885</v>
      </c>
      <c r="C249" s="205">
        <v>5.61</v>
      </c>
      <c r="D249" s="206">
        <v>1.9599999999999999E-2</v>
      </c>
    </row>
    <row r="250" spans="1:46">
      <c r="A250" s="45" t="s">
        <v>426</v>
      </c>
      <c r="B250" s="53">
        <v>1962</v>
      </c>
      <c r="C250" s="84">
        <v>5.36</v>
      </c>
      <c r="D250" s="85">
        <v>5.8799999999999998E-2</v>
      </c>
    </row>
    <row r="251" spans="1:46">
      <c r="A251" s="49" t="s">
        <v>427</v>
      </c>
      <c r="B251" s="49">
        <v>8496</v>
      </c>
      <c r="C251" s="205">
        <v>5.5</v>
      </c>
      <c r="D251" s="206">
        <v>1.9599999999999999E-2</v>
      </c>
    </row>
    <row r="252" spans="1:46">
      <c r="A252" s="45" t="s">
        <v>428</v>
      </c>
      <c r="B252" s="53">
        <v>2516</v>
      </c>
      <c r="C252" s="84">
        <v>5.48</v>
      </c>
      <c r="D252" s="85">
        <v>3.9199999999999999E-2</v>
      </c>
    </row>
    <row r="253" spans="1:46">
      <c r="A253" s="49" t="s">
        <v>429</v>
      </c>
      <c r="B253" s="49">
        <v>621</v>
      </c>
      <c r="C253" s="205">
        <v>5.51</v>
      </c>
      <c r="D253" s="206">
        <v>7.8399999999999997E-2</v>
      </c>
    </row>
    <row r="254" spans="1:46">
      <c r="A254" s="45" t="s">
        <v>430</v>
      </c>
      <c r="B254" s="53">
        <v>1587</v>
      </c>
      <c r="C254" s="84">
        <v>5.49</v>
      </c>
      <c r="D254" s="85">
        <v>5.8799999999999998E-2</v>
      </c>
    </row>
    <row r="255" spans="1:46">
      <c r="A255" s="49" t="s">
        <v>431</v>
      </c>
      <c r="B255" s="49">
        <v>240</v>
      </c>
      <c r="C255" s="205">
        <v>5.36</v>
      </c>
      <c r="D255" s="206">
        <v>0.15679999999999999</v>
      </c>
    </row>
    <row r="256" spans="1:46">
      <c r="A256" s="45" t="s">
        <v>432</v>
      </c>
      <c r="B256" s="53">
        <v>555</v>
      </c>
      <c r="C256" s="84">
        <v>5.33</v>
      </c>
      <c r="D256" s="85">
        <v>9.8000000000000004E-2</v>
      </c>
    </row>
    <row r="257" spans="1:34">
      <c r="A257" s="49" t="s">
        <v>433</v>
      </c>
      <c r="B257" s="49">
        <v>720</v>
      </c>
      <c r="C257" s="205">
        <v>5.55</v>
      </c>
      <c r="D257" s="206">
        <v>7.8399999999999997E-2</v>
      </c>
    </row>
    <row r="258" spans="1:34">
      <c r="A258" s="45" t="s">
        <v>434</v>
      </c>
      <c r="B258" s="203">
        <v>979</v>
      </c>
      <c r="C258" s="84">
        <v>5.65</v>
      </c>
      <c r="D258" s="85">
        <v>5.8799999999999998E-2</v>
      </c>
    </row>
    <row r="259" spans="1:34">
      <c r="A259" s="49" t="s">
        <v>435</v>
      </c>
      <c r="B259" s="204">
        <v>740</v>
      </c>
      <c r="C259" s="205">
        <v>5.49</v>
      </c>
      <c r="D259" s="206">
        <v>7.8399999999999997E-2</v>
      </c>
    </row>
    <row r="260" spans="1:34">
      <c r="A260" s="45" t="s">
        <v>436</v>
      </c>
      <c r="B260" s="83">
        <v>134</v>
      </c>
      <c r="C260" s="84">
        <v>5.3</v>
      </c>
      <c r="D260" s="85">
        <v>0.19600000000000001</v>
      </c>
    </row>
    <row r="261" spans="1:34">
      <c r="A261" s="49" t="s">
        <v>437</v>
      </c>
      <c r="B261" s="204">
        <v>155</v>
      </c>
      <c r="C261" s="205">
        <v>5.47</v>
      </c>
      <c r="D261" s="206">
        <v>0.1764</v>
      </c>
    </row>
    <row r="262" spans="1:34" ht="25.5">
      <c r="A262" s="45" t="s">
        <v>438</v>
      </c>
      <c r="B262" s="203">
        <v>256</v>
      </c>
      <c r="C262" s="84">
        <v>5.71</v>
      </c>
      <c r="D262" s="85">
        <v>0.1176</v>
      </c>
    </row>
    <row r="263" spans="1:34">
      <c r="A263" s="49" t="s">
        <v>439</v>
      </c>
      <c r="B263" s="204">
        <v>406</v>
      </c>
      <c r="C263" s="205">
        <v>5.27</v>
      </c>
      <c r="D263" s="206">
        <v>0.1176</v>
      </c>
    </row>
    <row r="264" spans="1:34">
      <c r="A264" s="45" t="s">
        <v>440</v>
      </c>
      <c r="B264" s="203">
        <v>409</v>
      </c>
      <c r="C264" s="84">
        <v>5.62</v>
      </c>
      <c r="D264" s="85">
        <v>0.1176</v>
      </c>
    </row>
    <row r="265" spans="1:34">
      <c r="A265" s="49" t="s">
        <v>441</v>
      </c>
      <c r="B265" s="204">
        <v>282</v>
      </c>
      <c r="C265" s="205">
        <v>5.45</v>
      </c>
      <c r="D265" s="206">
        <v>0.13720000000000002</v>
      </c>
    </row>
    <row r="266" spans="1:34">
      <c r="A266" s="45" t="s">
        <v>442</v>
      </c>
      <c r="B266" s="203">
        <v>771</v>
      </c>
      <c r="C266" s="84">
        <v>5.4</v>
      </c>
      <c r="D266" s="85">
        <v>0</v>
      </c>
    </row>
    <row r="267" spans="1:34">
      <c r="A267" s="49" t="s">
        <v>443</v>
      </c>
      <c r="B267" s="204">
        <v>1015</v>
      </c>
      <c r="C267" s="205">
        <v>5.5</v>
      </c>
      <c r="D267" s="206">
        <v>0</v>
      </c>
    </row>
    <row r="268" spans="1:34">
      <c r="A268" s="45" t="s">
        <v>444</v>
      </c>
      <c r="B268" s="203">
        <v>281</v>
      </c>
      <c r="C268" s="84">
        <v>5.3</v>
      </c>
      <c r="D268" s="85">
        <v>0.19600000000000001</v>
      </c>
    </row>
    <row r="269" spans="1:34">
      <c r="A269" s="49" t="s">
        <v>445</v>
      </c>
      <c r="B269" s="204">
        <v>193</v>
      </c>
      <c r="C269" s="205">
        <v>5.6</v>
      </c>
      <c r="D269" s="206">
        <v>0.19600000000000001</v>
      </c>
    </row>
    <row r="270" spans="1:34">
      <c r="A270" s="45" t="s">
        <v>446</v>
      </c>
      <c r="B270" s="203">
        <v>167</v>
      </c>
      <c r="C270" s="84">
        <v>5.5</v>
      </c>
      <c r="D270" s="85">
        <v>0.19600000000000001</v>
      </c>
    </row>
    <row r="271" spans="1:34">
      <c r="A271" s="49" t="s">
        <v>447</v>
      </c>
      <c r="B271" s="204">
        <v>79</v>
      </c>
      <c r="C271" s="205">
        <v>6</v>
      </c>
      <c r="D271" s="206">
        <v>0.19600000000000001</v>
      </c>
      <c r="P271" s="256"/>
      <c r="Q271" s="256"/>
      <c r="R271" s="256"/>
      <c r="S271" s="256"/>
      <c r="T271" s="256"/>
      <c r="U271" s="256"/>
      <c r="V271" s="256"/>
      <c r="W271" s="256"/>
      <c r="X271" s="256"/>
      <c r="Y271" s="256"/>
      <c r="Z271" s="256"/>
      <c r="AA271" s="256"/>
      <c r="AB271" s="256"/>
      <c r="AC271" s="256"/>
      <c r="AD271" s="256"/>
      <c r="AE271" s="256"/>
      <c r="AF271" s="256"/>
      <c r="AG271" s="256"/>
      <c r="AH271" s="256"/>
    </row>
    <row r="272" spans="1:34">
      <c r="P272" s="256"/>
      <c r="Q272" s="256"/>
      <c r="R272" s="256"/>
      <c r="S272" s="256"/>
      <c r="T272" s="256"/>
      <c r="U272" s="256"/>
      <c r="V272" s="256"/>
      <c r="W272" s="256"/>
      <c r="X272" s="256"/>
      <c r="Y272" s="256"/>
      <c r="Z272" s="256"/>
      <c r="AA272" s="256"/>
      <c r="AB272" s="256"/>
      <c r="AC272" s="256"/>
      <c r="AD272" s="256"/>
      <c r="AE272" s="256"/>
      <c r="AF272" s="256"/>
      <c r="AG272" s="256"/>
      <c r="AH272" s="256"/>
    </row>
    <row r="273" spans="1:38" ht="18.75">
      <c r="A273" s="335" t="s">
        <v>53</v>
      </c>
      <c r="B273" s="335"/>
      <c r="C273" s="335"/>
      <c r="D273" s="335"/>
      <c r="E273" s="335"/>
      <c r="F273" s="335"/>
      <c r="G273" s="335"/>
      <c r="H273" s="335"/>
      <c r="I273" s="335"/>
      <c r="J273" s="335"/>
      <c r="K273" s="335"/>
      <c r="L273" s="335"/>
      <c r="M273" s="335"/>
      <c r="N273" s="335"/>
      <c r="O273" s="335"/>
      <c r="P273" s="335"/>
      <c r="Q273" s="335"/>
      <c r="R273" s="335"/>
      <c r="S273" s="335"/>
      <c r="T273" s="226"/>
      <c r="U273" s="226"/>
      <c r="V273" s="226"/>
      <c r="W273" s="256"/>
      <c r="X273" s="256"/>
      <c r="Y273" s="256"/>
      <c r="Z273" s="256"/>
      <c r="AA273" s="256"/>
      <c r="AB273" s="256"/>
      <c r="AC273" s="256"/>
      <c r="AD273" s="256"/>
      <c r="AE273" s="256"/>
      <c r="AF273" s="256"/>
      <c r="AG273" s="256"/>
      <c r="AH273" s="256"/>
    </row>
    <row r="274" spans="1:38" ht="44.25" customHeight="1">
      <c r="A274" s="404" t="s">
        <v>502</v>
      </c>
      <c r="B274" s="404"/>
      <c r="C274" s="404"/>
      <c r="D274" s="404"/>
      <c r="E274" s="404"/>
      <c r="F274" s="404"/>
      <c r="G274" s="404"/>
      <c r="H274" s="404"/>
      <c r="I274" s="404"/>
      <c r="J274" s="404"/>
      <c r="K274" s="404"/>
      <c r="L274" s="404"/>
      <c r="M274" s="404"/>
      <c r="N274" s="404"/>
      <c r="O274" s="404"/>
      <c r="P274" s="404"/>
      <c r="Q274" s="404"/>
      <c r="R274" s="404"/>
      <c r="S274" s="404"/>
      <c r="T274" s="257"/>
      <c r="U274" s="257"/>
      <c r="V274" s="257"/>
      <c r="W274" s="256"/>
      <c r="X274" s="256"/>
      <c r="Y274" s="256"/>
      <c r="Z274" s="256"/>
      <c r="AA274" s="256"/>
      <c r="AB274" s="256"/>
      <c r="AC274" s="256"/>
      <c r="AD274" s="256"/>
      <c r="AE274" s="256"/>
      <c r="AF274" s="256"/>
      <c r="AG274" s="256"/>
      <c r="AH274" s="256"/>
    </row>
    <row r="275" spans="1:38" ht="35.25" customHeight="1">
      <c r="A275" s="64"/>
      <c r="B275" s="395" t="s">
        <v>280</v>
      </c>
      <c r="C275" s="396"/>
      <c r="D275" s="396"/>
      <c r="E275" s="396"/>
      <c r="F275" s="396"/>
      <c r="G275" s="396"/>
      <c r="H275" s="396"/>
      <c r="I275" s="396"/>
      <c r="J275" s="397"/>
      <c r="K275" s="395" t="s">
        <v>281</v>
      </c>
      <c r="L275" s="396"/>
      <c r="M275" s="396"/>
      <c r="N275" s="396"/>
      <c r="O275" s="396"/>
      <c r="P275" s="396"/>
      <c r="Q275" s="396"/>
      <c r="R275" s="396"/>
      <c r="S275" s="397"/>
      <c r="T275" s="256"/>
      <c r="U275" s="256"/>
      <c r="V275" s="256"/>
      <c r="W275" s="256"/>
      <c r="X275" s="256"/>
      <c r="Y275" s="256"/>
      <c r="Z275" s="256"/>
      <c r="AA275" s="256"/>
      <c r="AB275" s="256"/>
      <c r="AC275" s="256"/>
      <c r="AD275" s="256"/>
      <c r="AE275" s="256"/>
      <c r="AF275" s="256"/>
      <c r="AG275" s="256"/>
      <c r="AH275" s="256"/>
      <c r="AI275" s="256"/>
      <c r="AJ275" s="256"/>
      <c r="AK275" s="256"/>
      <c r="AL275" s="256"/>
    </row>
    <row r="276" spans="1:38" ht="59.25" customHeight="1">
      <c r="A276" s="37" t="s">
        <v>85</v>
      </c>
      <c r="B276" s="38" t="s">
        <v>86</v>
      </c>
      <c r="C276" s="38" t="s">
        <v>257</v>
      </c>
      <c r="D276" s="89" t="s">
        <v>347</v>
      </c>
      <c r="E276" s="38" t="s">
        <v>348</v>
      </c>
      <c r="F276" s="89" t="s">
        <v>315</v>
      </c>
      <c r="G276" s="38" t="s">
        <v>349</v>
      </c>
      <c r="H276" s="89" t="s">
        <v>316</v>
      </c>
      <c r="I276" s="38" t="s">
        <v>353</v>
      </c>
      <c r="J276" s="89" t="s">
        <v>367</v>
      </c>
      <c r="K276" s="65" t="s">
        <v>86</v>
      </c>
      <c r="L276" s="65" t="s">
        <v>257</v>
      </c>
      <c r="M276" s="88" t="s">
        <v>347</v>
      </c>
      <c r="N276" s="65" t="s">
        <v>348</v>
      </c>
      <c r="O276" s="88" t="s">
        <v>315</v>
      </c>
      <c r="P276" s="65" t="s">
        <v>349</v>
      </c>
      <c r="Q276" s="259" t="s">
        <v>316</v>
      </c>
      <c r="R276" s="65" t="s">
        <v>353</v>
      </c>
      <c r="S276" s="88" t="s">
        <v>367</v>
      </c>
      <c r="T276" s="256"/>
      <c r="U276" s="256"/>
      <c r="V276" s="256"/>
      <c r="W276" s="256"/>
      <c r="X276" s="256"/>
      <c r="Y276" s="256"/>
      <c r="Z276" s="256"/>
      <c r="AA276" s="256"/>
      <c r="AB276" s="256"/>
      <c r="AC276" s="256"/>
      <c r="AD276" s="256"/>
      <c r="AE276" s="256"/>
      <c r="AF276" s="256"/>
      <c r="AG276" s="256"/>
      <c r="AH276" s="256"/>
      <c r="AI276" s="256"/>
      <c r="AJ276" s="256"/>
      <c r="AK276" s="256"/>
      <c r="AL276" s="256"/>
    </row>
    <row r="277" spans="1:38" ht="72">
      <c r="A277" s="41"/>
      <c r="B277" s="42" t="s">
        <v>89</v>
      </c>
      <c r="C277" s="42" t="s">
        <v>181</v>
      </c>
      <c r="D277" s="91" t="s">
        <v>104</v>
      </c>
      <c r="E277" s="42" t="s">
        <v>182</v>
      </c>
      <c r="F277" s="91" t="s">
        <v>104</v>
      </c>
      <c r="G277" s="42" t="s">
        <v>183</v>
      </c>
      <c r="H277" s="91" t="s">
        <v>104</v>
      </c>
      <c r="I277" s="42" t="s">
        <v>353</v>
      </c>
      <c r="J277" s="91" t="s">
        <v>104</v>
      </c>
      <c r="K277" s="68" t="s">
        <v>89</v>
      </c>
      <c r="L277" s="68" t="s">
        <v>181</v>
      </c>
      <c r="M277" s="90" t="s">
        <v>104</v>
      </c>
      <c r="N277" s="68" t="s">
        <v>182</v>
      </c>
      <c r="O277" s="90" t="s">
        <v>104</v>
      </c>
      <c r="P277" s="68" t="s">
        <v>183</v>
      </c>
      <c r="Q277" s="273" t="s">
        <v>104</v>
      </c>
      <c r="R277" s="68" t="s">
        <v>353</v>
      </c>
      <c r="S277" s="90" t="s">
        <v>104</v>
      </c>
    </row>
    <row r="278" spans="1:38">
      <c r="A278" s="45" t="s">
        <v>424</v>
      </c>
      <c r="B278" s="203">
        <v>10996</v>
      </c>
      <c r="C278" s="207">
        <v>0.08</v>
      </c>
      <c r="D278" s="94">
        <v>5.1778643397893511E-3</v>
      </c>
      <c r="E278" s="207">
        <v>0.114</v>
      </c>
      <c r="F278" s="94">
        <v>6.0636724853184573E-3</v>
      </c>
      <c r="G278" s="207">
        <v>0.79800000000000004</v>
      </c>
      <c r="H278" s="94">
        <v>7.6576894921402067E-3</v>
      </c>
      <c r="I278" s="207">
        <v>8.0000000000000002E-3</v>
      </c>
      <c r="J278" s="94">
        <v>1.7175050125100056E-3</v>
      </c>
      <c r="K278" s="203">
        <v>10971</v>
      </c>
      <c r="L278" s="209">
        <v>7.2999999999999995E-2</v>
      </c>
      <c r="M278" s="94">
        <v>4.9711286993327228E-3</v>
      </c>
      <c r="N278" s="207">
        <v>0.13200000000000001</v>
      </c>
      <c r="O278" s="94">
        <v>6.4648958237158291E-3</v>
      </c>
      <c r="P278" s="207">
        <v>0.78800000000000003</v>
      </c>
      <c r="Q278" s="274">
        <v>7.8043606594874375E-3</v>
      </c>
      <c r="R278" s="207">
        <v>8.0000000000000002E-3</v>
      </c>
      <c r="S278" s="94">
        <v>1.7195025405736641E-3</v>
      </c>
    </row>
    <row r="279" spans="1:38">
      <c r="A279" s="49" t="s">
        <v>425</v>
      </c>
      <c r="B279" s="204">
        <v>8848</v>
      </c>
      <c r="C279" s="208">
        <v>0.08</v>
      </c>
      <c r="D279" s="97">
        <v>5.77321775012638E-3</v>
      </c>
      <c r="E279" s="208">
        <v>0.09</v>
      </c>
      <c r="F279" s="97">
        <v>6.0891066032065476E-3</v>
      </c>
      <c r="G279" s="208">
        <v>0.82599999999999996</v>
      </c>
      <c r="H279" s="97">
        <v>8.0615578238856928E-3</v>
      </c>
      <c r="I279" s="208">
        <v>4.0000000000000001E-3</v>
      </c>
      <c r="J279" s="97">
        <v>1.3786649574526128E-3</v>
      </c>
      <c r="K279" s="204">
        <v>8824</v>
      </c>
      <c r="L279" s="208">
        <v>6.8000000000000005E-2</v>
      </c>
      <c r="M279" s="97">
        <v>5.3658657756638396E-3</v>
      </c>
      <c r="N279" s="208">
        <v>0.12</v>
      </c>
      <c r="O279" s="97">
        <v>6.9214908231813605E-3</v>
      </c>
      <c r="P279" s="208">
        <v>0.80900000000000005</v>
      </c>
      <c r="Q279" s="275">
        <v>8.3697273672447038E-3</v>
      </c>
      <c r="R279" s="208">
        <v>3.0000000000000001E-3</v>
      </c>
      <c r="S279" s="97">
        <v>1.2069108323037394E-3</v>
      </c>
    </row>
    <row r="280" spans="1:38">
      <c r="A280" s="45" t="s">
        <v>426</v>
      </c>
      <c r="B280" s="203">
        <v>1983</v>
      </c>
      <c r="C280" s="207">
        <v>8.2600000000000007E-2</v>
      </c>
      <c r="D280" s="94">
        <v>1.2407928405831475E-2</v>
      </c>
      <c r="E280" s="207">
        <v>0.16009999999999999</v>
      </c>
      <c r="F280" s="94">
        <v>1.64812301671046E-2</v>
      </c>
      <c r="G280" s="207">
        <v>0.74270000000000003</v>
      </c>
      <c r="H280" s="94">
        <v>1.9625770367670839E-2</v>
      </c>
      <c r="I280" s="207">
        <v>1.4500000000000001E-2</v>
      </c>
      <c r="J280" s="94">
        <v>5.5385012559716019E-3</v>
      </c>
      <c r="K280" s="203">
        <v>1984</v>
      </c>
      <c r="L280" s="209">
        <v>6.2300000000000001E-2</v>
      </c>
      <c r="M280" s="94">
        <v>1.0912942979242916E-2</v>
      </c>
      <c r="N280" s="207">
        <v>0.1482</v>
      </c>
      <c r="O280" s="94">
        <v>1.5968675332372655E-2</v>
      </c>
      <c r="P280" s="207">
        <v>0.77449999999999997</v>
      </c>
      <c r="Q280" s="274">
        <v>1.8762127681943033E-2</v>
      </c>
      <c r="R280" s="207">
        <v>1.4999999999999999E-2</v>
      </c>
      <c r="S280" s="94">
        <v>5.624147989777231E-3</v>
      </c>
    </row>
    <row r="281" spans="1:38">
      <c r="A281" s="49" t="s">
        <v>427</v>
      </c>
      <c r="B281" s="204">
        <v>8491</v>
      </c>
      <c r="C281" s="208">
        <v>0.08</v>
      </c>
      <c r="D281" s="97">
        <v>5.8935458013810935E-3</v>
      </c>
      <c r="E281" s="208">
        <v>0.114</v>
      </c>
      <c r="F281" s="97">
        <v>6.9011103177289632E-3</v>
      </c>
      <c r="G281" s="208">
        <v>0.79800000000000004</v>
      </c>
      <c r="H281" s="97">
        <v>8.7144109432754236E-3</v>
      </c>
      <c r="I281" s="208">
        <v>8.0000000000000002E-3</v>
      </c>
      <c r="J281" s="97">
        <v>1.9606374101061252E-3</v>
      </c>
      <c r="K281" s="204">
        <v>8483</v>
      </c>
      <c r="L281" s="208">
        <v>7.1999999999999995E-2</v>
      </c>
      <c r="M281" s="97">
        <v>5.6189277604638118E-3</v>
      </c>
      <c r="N281" s="208">
        <v>0.13200000000000001</v>
      </c>
      <c r="O281" s="97">
        <v>7.3526088469420834E-3</v>
      </c>
      <c r="P281" s="208">
        <v>0.78800000000000003</v>
      </c>
      <c r="Q281" s="275">
        <v>8.875350520873463E-3</v>
      </c>
      <c r="R281" s="208">
        <v>8.0000000000000002E-3</v>
      </c>
      <c r="S281" s="97">
        <v>1.9615870609603187E-3</v>
      </c>
    </row>
    <row r="282" spans="1:38">
      <c r="A282" s="45" t="s">
        <v>428</v>
      </c>
      <c r="B282" s="203">
        <v>2507</v>
      </c>
      <c r="C282" s="207">
        <v>8.2000000000000003E-2</v>
      </c>
      <c r="D282" s="94">
        <v>1.0990907076276386E-2</v>
      </c>
      <c r="E282" s="207">
        <v>0.111</v>
      </c>
      <c r="F282" s="94">
        <v>1.2568298284421197E-2</v>
      </c>
      <c r="G282" s="207">
        <v>0.80400000000000005</v>
      </c>
      <c r="H282" s="94">
        <v>1.5858705128143739E-2</v>
      </c>
      <c r="I282" s="207">
        <v>3.0000000000000001E-3</v>
      </c>
      <c r="J282" s="94">
        <v>2.4530118140349048E-3</v>
      </c>
      <c r="K282" s="203">
        <v>2490</v>
      </c>
      <c r="L282" s="209">
        <v>8.1000000000000003E-2</v>
      </c>
      <c r="M282" s="94">
        <v>1.0967744144966528E-2</v>
      </c>
      <c r="N282" s="207">
        <v>0.158</v>
      </c>
      <c r="O282" s="94">
        <v>1.4627745734306646E-2</v>
      </c>
      <c r="P282" s="207">
        <v>0.76</v>
      </c>
      <c r="Q282" s="274">
        <v>1.7114017689814999E-2</v>
      </c>
      <c r="R282" s="207">
        <v>2E-3</v>
      </c>
      <c r="S282" s="94">
        <v>2.1156931120459963E-3</v>
      </c>
    </row>
    <row r="283" spans="1:38">
      <c r="A283" s="49" t="s">
        <v>429</v>
      </c>
      <c r="B283" s="204">
        <v>620</v>
      </c>
      <c r="C283" s="208">
        <v>8.5000000000000006E-2</v>
      </c>
      <c r="D283" s="97">
        <v>2.2642134517076518E-2</v>
      </c>
      <c r="E283" s="208">
        <v>0.112</v>
      </c>
      <c r="F283" s="97">
        <v>2.549256618897041E-2</v>
      </c>
      <c r="G283" s="208">
        <v>0.80100000000000005</v>
      </c>
      <c r="H283" s="97">
        <v>3.2081309795787709E-2</v>
      </c>
      <c r="I283" s="208">
        <v>2E-3</v>
      </c>
      <c r="J283" s="97">
        <v>5.7542334655897847E-3</v>
      </c>
      <c r="K283" s="204">
        <v>615</v>
      </c>
      <c r="L283" s="208">
        <v>5.8000000000000003E-2</v>
      </c>
      <c r="M283" s="97">
        <v>1.9217779233182332E-2</v>
      </c>
      <c r="N283" s="208">
        <v>0.151</v>
      </c>
      <c r="O283" s="97">
        <v>2.8958002973335315E-2</v>
      </c>
      <c r="P283" s="208">
        <v>0.78800000000000003</v>
      </c>
      <c r="Q283" s="275">
        <v>3.2960985463756906E-2</v>
      </c>
      <c r="R283" s="208">
        <v>2E-3</v>
      </c>
      <c r="S283" s="97">
        <v>5.7916798423966282E-3</v>
      </c>
    </row>
    <row r="284" spans="1:38">
      <c r="A284" s="45" t="s">
        <v>430</v>
      </c>
      <c r="B284" s="203">
        <v>1579</v>
      </c>
      <c r="C284" s="207">
        <v>7.9000000000000001E-2</v>
      </c>
      <c r="D284" s="94">
        <v>1.3642265561587345E-2</v>
      </c>
      <c r="E284" s="207">
        <v>0.105</v>
      </c>
      <c r="F284" s="94">
        <v>1.5474185838492577E-2</v>
      </c>
      <c r="G284" s="207">
        <v>0.81200000000000006</v>
      </c>
      <c r="H284" s="94">
        <v>1.9671806621125405E-2</v>
      </c>
      <c r="I284" s="207">
        <v>3.0000000000000001E-3</v>
      </c>
      <c r="J284" s="94">
        <v>3.2723235490760417E-3</v>
      </c>
      <c r="K284" s="203">
        <v>1570</v>
      </c>
      <c r="L284" s="209">
        <v>9.1999999999999998E-2</v>
      </c>
      <c r="M284" s="94">
        <v>1.4643670528780075E-2</v>
      </c>
      <c r="N284" s="207">
        <v>0.16200000000000001</v>
      </c>
      <c r="O284" s="94">
        <v>1.8613702774896053E-2</v>
      </c>
      <c r="P284" s="207">
        <v>0.745</v>
      </c>
      <c r="Q284" s="274">
        <v>2.198993040544716E-2</v>
      </c>
      <c r="R284" s="207">
        <v>2E-3</v>
      </c>
      <c r="S284" s="94">
        <v>2.8760508364028881E-3</v>
      </c>
    </row>
    <row r="285" spans="1:38">
      <c r="A285" s="49" t="s">
        <v>431</v>
      </c>
      <c r="B285" s="204">
        <v>240</v>
      </c>
      <c r="C285" s="208">
        <v>0.151</v>
      </c>
      <c r="D285" s="97">
        <v>4.6546247406426718E-2</v>
      </c>
      <c r="E285" s="208">
        <v>0.121</v>
      </c>
      <c r="F285" s="97">
        <v>4.2663367437715892E-2</v>
      </c>
      <c r="G285" s="208">
        <v>0.72899999999999998</v>
      </c>
      <c r="H285" s="97">
        <v>5.7154418929698303E-2</v>
      </c>
      <c r="I285" s="208">
        <v>0</v>
      </c>
      <c r="J285" s="97">
        <v>1.1544308846408655E-2</v>
      </c>
      <c r="K285" s="204">
        <v>240</v>
      </c>
      <c r="L285" s="208">
        <v>4.2999999999999997E-2</v>
      </c>
      <c r="M285" s="97">
        <v>2.8034633463779018E-2</v>
      </c>
      <c r="N285" s="208">
        <v>0.17499999999999999</v>
      </c>
      <c r="O285" s="97">
        <v>4.9225098317694713E-2</v>
      </c>
      <c r="P285" s="208">
        <v>0.78200000000000003</v>
      </c>
      <c r="Q285" s="275">
        <v>5.3264261168594972E-2</v>
      </c>
      <c r="R285" s="208">
        <v>0</v>
      </c>
      <c r="S285" s="97">
        <v>1.1544308846408655E-2</v>
      </c>
    </row>
    <row r="286" spans="1:38">
      <c r="A286" s="45" t="s">
        <v>432</v>
      </c>
      <c r="B286" s="203">
        <v>553</v>
      </c>
      <c r="C286" s="207">
        <v>9.7000000000000003E-2</v>
      </c>
      <c r="D286" s="94">
        <v>2.5410843061287523E-2</v>
      </c>
      <c r="E286" s="207">
        <v>0.13800000000000001</v>
      </c>
      <c r="F286" s="94">
        <v>2.9457254659686533E-2</v>
      </c>
      <c r="G286" s="207">
        <v>0.76500000000000001</v>
      </c>
      <c r="H286" s="94">
        <v>3.6031105252105282E-2</v>
      </c>
      <c r="I286" s="207">
        <v>0</v>
      </c>
      <c r="J286" s="94">
        <v>5.0688412784803561E-3</v>
      </c>
      <c r="K286" s="203">
        <v>552</v>
      </c>
      <c r="L286" s="209">
        <v>9.2999999999999999E-2</v>
      </c>
      <c r="M286" s="94">
        <v>2.4978532556773538E-2</v>
      </c>
      <c r="N286" s="207">
        <v>0.192</v>
      </c>
      <c r="O286" s="94">
        <v>3.3553998115943125E-2</v>
      </c>
      <c r="P286" s="207">
        <v>0.71399999999999997</v>
      </c>
      <c r="Q286" s="274">
        <v>3.8390324487461422E-2</v>
      </c>
      <c r="R286" s="207">
        <v>1E-3</v>
      </c>
      <c r="S286" s="94">
        <v>5.7331929017590292E-3</v>
      </c>
    </row>
    <row r="287" spans="1:38">
      <c r="A287" s="49" t="s">
        <v>433</v>
      </c>
      <c r="B287" s="204">
        <v>717</v>
      </c>
      <c r="C287" s="208">
        <v>4.9000000000000002E-2</v>
      </c>
      <c r="D287" s="97">
        <v>1.6462392084434969E-2</v>
      </c>
      <c r="E287" s="208">
        <v>0.113</v>
      </c>
      <c r="F287" s="97">
        <v>2.3775205008567456E-2</v>
      </c>
      <c r="G287" s="208">
        <v>0.83599999999999997</v>
      </c>
      <c r="H287" s="97">
        <v>2.770492281983096E-2</v>
      </c>
      <c r="I287" s="208">
        <v>2E-3</v>
      </c>
      <c r="J287" s="97">
        <v>5.1281198938720697E-3</v>
      </c>
      <c r="K287" s="204">
        <v>713</v>
      </c>
      <c r="L287" s="208">
        <v>9.5000000000000001E-2</v>
      </c>
      <c r="M287" s="97">
        <v>2.2131850436415169E-2</v>
      </c>
      <c r="N287" s="208">
        <v>0.127</v>
      </c>
      <c r="O287" s="97">
        <v>2.5043227984883717E-2</v>
      </c>
      <c r="P287" s="208">
        <v>0.77500000000000002</v>
      </c>
      <c r="Q287" s="275">
        <v>3.1264957583517258E-2</v>
      </c>
      <c r="R287" s="208">
        <v>3.0000000000000001E-3</v>
      </c>
      <c r="S287" s="97">
        <v>5.6585010799288923E-3</v>
      </c>
    </row>
    <row r="288" spans="1:38">
      <c r="A288" s="45" t="s">
        <v>434</v>
      </c>
      <c r="B288" s="203">
        <v>975</v>
      </c>
      <c r="C288" s="207">
        <v>5.5E-2</v>
      </c>
      <c r="D288" s="94">
        <v>1.4797216428328474E-2</v>
      </c>
      <c r="E288" s="207">
        <v>7.3999999999999996E-2</v>
      </c>
      <c r="F288" s="94">
        <v>1.6912189296458283E-2</v>
      </c>
      <c r="G288" s="207">
        <v>0.86399999999999999</v>
      </c>
      <c r="H288" s="94">
        <v>2.201165008112543E-2</v>
      </c>
      <c r="I288" s="207">
        <v>7.0000000000000001E-3</v>
      </c>
      <c r="J288" s="94">
        <v>6.0414106195013813E-3</v>
      </c>
      <c r="K288" s="203">
        <v>964</v>
      </c>
      <c r="L288" s="209">
        <v>7.5999999999999998E-2</v>
      </c>
      <c r="M288" s="94">
        <v>1.7213616838748547E-2</v>
      </c>
      <c r="N288" s="207">
        <v>0.13700000000000001</v>
      </c>
      <c r="O288" s="94">
        <v>2.2204696659018072E-2</v>
      </c>
      <c r="P288" s="207">
        <v>0.78400000000000003</v>
      </c>
      <c r="Q288" s="274">
        <v>2.6505044061045355E-2</v>
      </c>
      <c r="R288" s="207">
        <v>2E-3</v>
      </c>
      <c r="S288" s="94">
        <v>4.0865558064765049E-3</v>
      </c>
    </row>
    <row r="289" spans="1:19">
      <c r="A289" s="49" t="s">
        <v>435</v>
      </c>
      <c r="B289" s="204">
        <v>738</v>
      </c>
      <c r="C289" s="208">
        <v>8.6999999999999994E-2</v>
      </c>
      <c r="D289" s="97">
        <v>2.0930518084793209E-2</v>
      </c>
      <c r="E289" s="208">
        <v>0.126</v>
      </c>
      <c r="F289" s="97">
        <v>2.4530967511020789E-2</v>
      </c>
      <c r="G289" s="208">
        <v>0.78400000000000003</v>
      </c>
      <c r="H289" s="97">
        <v>3.0291598340245619E-2</v>
      </c>
      <c r="I289" s="208">
        <v>3.0000000000000001E-3</v>
      </c>
      <c r="J289" s="97">
        <v>5.5174271593202992E-3</v>
      </c>
      <c r="K289" s="204">
        <v>738</v>
      </c>
      <c r="L289" s="208">
        <v>7.3999999999999996E-2</v>
      </c>
      <c r="M289" s="97">
        <v>1.9491561607958775E-2</v>
      </c>
      <c r="N289" s="208">
        <v>0.159</v>
      </c>
      <c r="O289" s="97">
        <v>2.6974014074777258E-2</v>
      </c>
      <c r="P289" s="208">
        <v>0.76600000000000001</v>
      </c>
      <c r="Q289" s="275">
        <v>3.1150864245970883E-2</v>
      </c>
      <c r="R289" s="208">
        <v>1E-3</v>
      </c>
      <c r="S289" s="97">
        <v>4.4518451641154247E-3</v>
      </c>
    </row>
    <row r="290" spans="1:19">
      <c r="A290" s="45" t="s">
        <v>436</v>
      </c>
      <c r="B290" s="203">
        <v>132</v>
      </c>
      <c r="C290" s="207">
        <v>0.22600000000000001</v>
      </c>
      <c r="D290" s="94">
        <v>7.2614066587647311E-2</v>
      </c>
      <c r="E290" s="207">
        <v>4.2000000000000003E-2</v>
      </c>
      <c r="F290" s="94">
        <v>3.9255423782664799E-2</v>
      </c>
      <c r="G290" s="207">
        <v>0.72799999999999998</v>
      </c>
      <c r="H290" s="94">
        <v>7.68935309553965E-2</v>
      </c>
      <c r="I290" s="207">
        <v>3.0000000000000001E-3</v>
      </c>
      <c r="J290" s="94">
        <v>2.2561853263296811E-2</v>
      </c>
      <c r="K290" s="203">
        <v>134</v>
      </c>
      <c r="L290" s="209">
        <v>6.7000000000000004E-2</v>
      </c>
      <c r="M290" s="94">
        <v>4.6069389015588144E-2</v>
      </c>
      <c r="N290" s="207">
        <v>0.215</v>
      </c>
      <c r="O290" s="94">
        <v>7.0898059842671876E-2</v>
      </c>
      <c r="P290" s="207">
        <v>0.71799999999999997</v>
      </c>
      <c r="Q290" s="274">
        <v>7.7120475437993011E-2</v>
      </c>
      <c r="R290" s="207">
        <v>0</v>
      </c>
      <c r="S290" s="94">
        <v>2.034678603371113E-2</v>
      </c>
    </row>
    <row r="291" spans="1:19">
      <c r="A291" s="49" t="s">
        <v>437</v>
      </c>
      <c r="B291" s="204">
        <v>153</v>
      </c>
      <c r="C291" s="208">
        <v>4.1000000000000002E-2</v>
      </c>
      <c r="D291" s="97">
        <v>3.5662102022804808E-2</v>
      </c>
      <c r="E291" s="208">
        <v>0.17299999999999999</v>
      </c>
      <c r="F291" s="97">
        <v>6.1499355783839429E-2</v>
      </c>
      <c r="G291" s="208">
        <v>0.78700000000000003</v>
      </c>
      <c r="H291" s="97">
        <v>6.6154553581391093E-2</v>
      </c>
      <c r="I291" s="208">
        <v>0</v>
      </c>
      <c r="J291" s="97">
        <v>1.79003434579789E-2</v>
      </c>
      <c r="K291" s="204">
        <v>153</v>
      </c>
      <c r="L291" s="208">
        <v>7.4999999999999997E-2</v>
      </c>
      <c r="M291" s="97">
        <v>4.4710413019390244E-2</v>
      </c>
      <c r="N291" s="208">
        <v>0.15</v>
      </c>
      <c r="O291" s="97">
        <v>5.8355930018377473E-2</v>
      </c>
      <c r="P291" s="208">
        <v>0.76600000000000001</v>
      </c>
      <c r="Q291" s="275">
        <v>6.8245243896760552E-2</v>
      </c>
      <c r="R291" s="208">
        <v>8.0000000000000002E-3</v>
      </c>
      <c r="S291" s="97">
        <v>2.26371794478613E-2</v>
      </c>
    </row>
    <row r="292" spans="1:19" ht="25.5">
      <c r="A292" s="45" t="s">
        <v>438</v>
      </c>
      <c r="B292" s="203">
        <v>256</v>
      </c>
      <c r="C292" s="207">
        <v>5.8999999999999997E-2</v>
      </c>
      <c r="D292" s="94">
        <v>3.0748858581270602E-2</v>
      </c>
      <c r="E292" s="207">
        <v>9.6000000000000002E-2</v>
      </c>
      <c r="F292" s="94">
        <v>3.7574008971692448E-2</v>
      </c>
      <c r="G292" s="207">
        <v>0.84199999999999997</v>
      </c>
      <c r="H292" s="94">
        <v>4.5843749430615706E-2</v>
      </c>
      <c r="I292" s="207">
        <v>3.0000000000000001E-3</v>
      </c>
      <c r="J292" s="94">
        <v>1.2729622179684113E-2</v>
      </c>
      <c r="K292" s="203">
        <v>255</v>
      </c>
      <c r="L292" s="209">
        <v>3.1E-2</v>
      </c>
      <c r="M292" s="94">
        <v>2.3833624600836777E-2</v>
      </c>
      <c r="N292" s="207">
        <v>0.128</v>
      </c>
      <c r="O292" s="94">
        <v>4.2300159687358348E-2</v>
      </c>
      <c r="P292" s="207">
        <v>0.83799999999999997</v>
      </c>
      <c r="Q292" s="274">
        <v>4.6375589870359203E-2</v>
      </c>
      <c r="R292" s="207">
        <v>3.0000000000000001E-3</v>
      </c>
      <c r="S292" s="94">
        <v>1.277165395634387E-2</v>
      </c>
    </row>
    <row r="293" spans="1:19">
      <c r="A293" s="49" t="s">
        <v>439</v>
      </c>
      <c r="B293" s="204">
        <v>404</v>
      </c>
      <c r="C293" s="208">
        <v>8.3000000000000004E-2</v>
      </c>
      <c r="D293" s="97">
        <v>2.7918627306182345E-2</v>
      </c>
      <c r="E293" s="208">
        <v>0.13400000000000001</v>
      </c>
      <c r="F293" s="97">
        <v>3.4107343928119947E-2</v>
      </c>
      <c r="G293" s="208">
        <v>0.78300000000000003</v>
      </c>
      <c r="H293" s="97">
        <v>4.1001395796944777E-2</v>
      </c>
      <c r="I293" s="208">
        <v>0</v>
      </c>
      <c r="J293" s="97">
        <v>6.9154073255494148E-3</v>
      </c>
      <c r="K293" s="204">
        <v>399</v>
      </c>
      <c r="L293" s="208">
        <v>0.127</v>
      </c>
      <c r="M293" s="97">
        <v>3.3581744933717461E-2</v>
      </c>
      <c r="N293" s="208">
        <v>0.19800000000000001</v>
      </c>
      <c r="O293" s="97">
        <v>3.992518016421668E-2</v>
      </c>
      <c r="P293" s="208">
        <v>0.67400000000000004</v>
      </c>
      <c r="Q293" s="275">
        <v>4.6763438212986126E-2</v>
      </c>
      <c r="R293" s="208">
        <v>1E-3</v>
      </c>
      <c r="S293" s="97">
        <v>7.6637894546054044E-3</v>
      </c>
    </row>
    <row r="294" spans="1:19">
      <c r="A294" s="45" t="s">
        <v>440</v>
      </c>
      <c r="B294" s="203">
        <v>408</v>
      </c>
      <c r="C294" s="207">
        <v>5.2999999999999999E-2</v>
      </c>
      <c r="D294" s="94">
        <v>2.2907995062810056E-2</v>
      </c>
      <c r="E294" s="207">
        <v>7.0000000000000007E-2</v>
      </c>
      <c r="F294" s="94">
        <v>2.5821053851041945E-2</v>
      </c>
      <c r="G294" s="207">
        <v>0.871</v>
      </c>
      <c r="H294" s="94">
        <v>3.3416853313299619E-2</v>
      </c>
      <c r="I294" s="207">
        <v>6.0000000000000001E-3</v>
      </c>
      <c r="J294" s="94">
        <v>1.0182585730925633E-2</v>
      </c>
      <c r="K294" s="203">
        <v>403</v>
      </c>
      <c r="L294" s="209">
        <v>9.4E-2</v>
      </c>
      <c r="M294" s="94">
        <v>2.9473362509673362E-2</v>
      </c>
      <c r="N294" s="207">
        <v>0.13200000000000001</v>
      </c>
      <c r="O294" s="94">
        <v>3.3942401889287065E-2</v>
      </c>
      <c r="P294" s="207">
        <v>0.77200000000000002</v>
      </c>
      <c r="Q294" s="274">
        <v>4.1762530360534386E-2</v>
      </c>
      <c r="R294" s="207">
        <v>2E-3</v>
      </c>
      <c r="S294" s="94">
        <v>8.2030837658469968E-3</v>
      </c>
    </row>
    <row r="295" spans="1:19">
      <c r="A295" s="49" t="s">
        <v>441</v>
      </c>
      <c r="B295" s="204">
        <v>282</v>
      </c>
      <c r="C295" s="208">
        <v>8.6999999999999994E-2</v>
      </c>
      <c r="D295" s="97">
        <v>3.4310143676958511E-2</v>
      </c>
      <c r="E295" s="208">
        <v>0.11799999999999999</v>
      </c>
      <c r="F295" s="97">
        <v>3.8888264938955114E-2</v>
      </c>
      <c r="G295" s="208">
        <v>0.79400000000000004</v>
      </c>
      <c r="H295" s="97">
        <v>4.8178700366803197E-2</v>
      </c>
      <c r="I295" s="208">
        <v>2E-3</v>
      </c>
      <c r="J295" s="97">
        <v>1.1147242823271966E-2</v>
      </c>
      <c r="K295" s="204">
        <v>278</v>
      </c>
      <c r="L295" s="208">
        <v>9.2999999999999999E-2</v>
      </c>
      <c r="M295" s="97">
        <v>3.5533808555856299E-2</v>
      </c>
      <c r="N295" s="208">
        <v>0.125</v>
      </c>
      <c r="O295" s="97">
        <v>4.0094934922984139E-2</v>
      </c>
      <c r="P295" s="208">
        <v>0.78200000000000003</v>
      </c>
      <c r="Q295" s="275">
        <v>4.9496185109819645E-2</v>
      </c>
      <c r="R295" s="208">
        <v>0</v>
      </c>
      <c r="S295" s="97">
        <v>9.9942531719891693E-3</v>
      </c>
    </row>
    <row r="296" spans="1:19">
      <c r="A296" s="45" t="s">
        <v>442</v>
      </c>
      <c r="B296" s="203">
        <v>768</v>
      </c>
      <c r="C296" s="207">
        <v>0.107</v>
      </c>
      <c r="D296" s="94">
        <v>2.2435556691006872E-2</v>
      </c>
      <c r="E296" s="207">
        <v>0.10199999999999999</v>
      </c>
      <c r="F296" s="94">
        <v>2.197893947870324E-2</v>
      </c>
      <c r="G296" s="207">
        <v>0.78600000000000003</v>
      </c>
      <c r="H296" s="94">
        <v>2.9595671772397632E-2</v>
      </c>
      <c r="I296" s="207">
        <v>5.0000000000000001E-3</v>
      </c>
      <c r="J296" s="94">
        <v>6.2369204662062836E-3</v>
      </c>
      <c r="K296" s="203">
        <v>767</v>
      </c>
      <c r="L296" s="209">
        <v>0.125</v>
      </c>
      <c r="M296" s="94">
        <v>2.3979061218366987E-2</v>
      </c>
      <c r="N296" s="207">
        <v>0.151</v>
      </c>
      <c r="O296" s="94">
        <v>2.5916111820734646E-2</v>
      </c>
      <c r="P296" s="207">
        <v>0.72299999999999998</v>
      </c>
      <c r="Q296" s="274">
        <v>3.2275215365183053E-2</v>
      </c>
      <c r="R296" s="207">
        <v>2E-3</v>
      </c>
      <c r="S296" s="94">
        <v>4.865318472889458E-3</v>
      </c>
    </row>
    <row r="297" spans="1:19">
      <c r="A297" s="49" t="s">
        <v>443</v>
      </c>
      <c r="B297" s="204">
        <v>1011</v>
      </c>
      <c r="C297" s="208">
        <v>7.8E-2</v>
      </c>
      <c r="D297" s="97">
        <v>1.6998041264701502E-2</v>
      </c>
      <c r="E297" s="208">
        <v>0.108</v>
      </c>
      <c r="F297" s="97">
        <v>1.9606448957684965E-2</v>
      </c>
      <c r="G297" s="208">
        <v>0.80900000000000005</v>
      </c>
      <c r="H297" s="97">
        <v>2.4736648524327633E-2</v>
      </c>
      <c r="I297" s="208">
        <v>5.0000000000000001E-3</v>
      </c>
      <c r="J297" s="97">
        <v>5.2155229256779902E-3</v>
      </c>
      <c r="K297" s="204">
        <v>998</v>
      </c>
      <c r="L297" s="208">
        <v>0.04</v>
      </c>
      <c r="M297" s="97">
        <v>1.2650065135894648E-2</v>
      </c>
      <c r="N297" s="208">
        <v>0.16</v>
      </c>
      <c r="O297" s="97">
        <v>2.3242289891349639E-2</v>
      </c>
      <c r="P297" s="208">
        <v>0.79900000000000004</v>
      </c>
      <c r="Q297" s="275">
        <v>2.5376317855332672E-2</v>
      </c>
      <c r="R297" s="208">
        <v>2E-3</v>
      </c>
      <c r="S297" s="97">
        <v>3.9820553660561532E-3</v>
      </c>
    </row>
    <row r="298" spans="1:19">
      <c r="A298" s="45" t="s">
        <v>444</v>
      </c>
      <c r="B298" s="203">
        <v>280</v>
      </c>
      <c r="C298" s="207">
        <v>6.8000000000000005E-2</v>
      </c>
      <c r="D298" s="94">
        <v>3.1082804643190711E-2</v>
      </c>
      <c r="E298" s="207">
        <v>0.156</v>
      </c>
      <c r="F298" s="94">
        <v>4.360093256259822E-2</v>
      </c>
      <c r="G298" s="207">
        <v>0.77600000000000002</v>
      </c>
      <c r="H298" s="94">
        <v>4.9781875135075045E-2</v>
      </c>
      <c r="I298" s="207">
        <v>0</v>
      </c>
      <c r="J298" s="94">
        <v>9.9241206986027605E-3</v>
      </c>
      <c r="K298" s="203">
        <v>280</v>
      </c>
      <c r="L298" s="209">
        <v>0.114</v>
      </c>
      <c r="M298" s="94">
        <v>3.848751646680685E-2</v>
      </c>
      <c r="N298" s="207">
        <v>0.17199999999999999</v>
      </c>
      <c r="O298" s="94">
        <v>4.5257509440540758E-2</v>
      </c>
      <c r="P298" s="207">
        <v>0.71099999999999997</v>
      </c>
      <c r="Q298" s="274">
        <v>5.3959332743220859E-2</v>
      </c>
      <c r="R298" s="207">
        <v>4.0000000000000001E-3</v>
      </c>
      <c r="S298" s="94">
        <v>1.2370583664221821E-2</v>
      </c>
    </row>
    <row r="299" spans="1:19">
      <c r="A299" s="49" t="s">
        <v>445</v>
      </c>
      <c r="B299" s="204">
        <v>192</v>
      </c>
      <c r="C299" s="208">
        <v>3.1E-2</v>
      </c>
      <c r="D299" s="97">
        <v>2.8185025607074945E-2</v>
      </c>
      <c r="E299" s="208">
        <v>0.11899999999999999</v>
      </c>
      <c r="F299" s="97">
        <v>4.7531617880075136E-2</v>
      </c>
      <c r="G299" s="208">
        <v>0.85</v>
      </c>
      <c r="H299" s="97">
        <v>5.1990772256559181E-2</v>
      </c>
      <c r="I299" s="208">
        <v>0</v>
      </c>
      <c r="J299" s="97">
        <v>1.4356935571131348E-2</v>
      </c>
      <c r="K299" s="204">
        <v>191</v>
      </c>
      <c r="L299" s="208">
        <v>4.2000000000000003E-2</v>
      </c>
      <c r="M299" s="97">
        <v>3.1623891957257851E-2</v>
      </c>
      <c r="N299" s="208">
        <v>0.14399999999999999</v>
      </c>
      <c r="O299" s="97">
        <v>5.1323028908868841E-2</v>
      </c>
      <c r="P299" s="208">
        <v>0.81399999999999995</v>
      </c>
      <c r="Q299" s="275">
        <v>5.6461010334794406E-2</v>
      </c>
      <c r="R299" s="208">
        <v>0</v>
      </c>
      <c r="S299" s="97">
        <v>1.4430179418585315E-2</v>
      </c>
    </row>
    <row r="300" spans="1:19">
      <c r="A300" s="45" t="s">
        <v>446</v>
      </c>
      <c r="B300" s="203">
        <v>167</v>
      </c>
      <c r="C300" s="207">
        <v>0.11799999999999999</v>
      </c>
      <c r="D300" s="94">
        <v>5.0915135804449362E-2</v>
      </c>
      <c r="E300" s="207">
        <v>7.9000000000000001E-2</v>
      </c>
      <c r="F300" s="94">
        <v>4.3516211787320742E-2</v>
      </c>
      <c r="G300" s="207">
        <v>0.80300000000000005</v>
      </c>
      <c r="H300" s="94">
        <v>6.164146894012789E-2</v>
      </c>
      <c r="I300" s="207">
        <v>0</v>
      </c>
      <c r="J300" s="94">
        <v>1.6443496878751757E-2</v>
      </c>
      <c r="K300" s="203">
        <v>165</v>
      </c>
      <c r="L300" s="209">
        <v>5.8999999999999997E-2</v>
      </c>
      <c r="M300" s="94">
        <v>3.9107272302108489E-2</v>
      </c>
      <c r="N300" s="207">
        <v>0.17299999999999999</v>
      </c>
      <c r="O300" s="94">
        <v>5.9200356968854763E-2</v>
      </c>
      <c r="P300" s="207">
        <v>0.76800000000000002</v>
      </c>
      <c r="Q300" s="274">
        <v>6.5549243702556784E-2</v>
      </c>
      <c r="R300" s="207">
        <v>0</v>
      </c>
      <c r="S300" s="94">
        <v>1.6636929342282263E-2</v>
      </c>
    </row>
    <row r="301" spans="1:19">
      <c r="A301" s="49" t="s">
        <v>447</v>
      </c>
      <c r="B301" s="204">
        <v>79</v>
      </c>
      <c r="C301" s="208">
        <v>3.1E-2</v>
      </c>
      <c r="D301" s="97">
        <v>4.9444719683237846E-2</v>
      </c>
      <c r="E301" s="208">
        <v>2.9000000000000001E-2</v>
      </c>
      <c r="F301" s="97">
        <v>4.8607614931008326E-2</v>
      </c>
      <c r="G301" s="208">
        <v>0.94</v>
      </c>
      <c r="H301" s="97">
        <v>5.9964084271901821E-2</v>
      </c>
      <c r="I301" s="208">
        <v>0</v>
      </c>
      <c r="J301" s="97">
        <v>3.3664360151118053E-2</v>
      </c>
      <c r="K301" s="204">
        <v>79</v>
      </c>
      <c r="L301" s="208">
        <v>0</v>
      </c>
      <c r="M301" s="97">
        <v>3.3664360151118053E-2</v>
      </c>
      <c r="N301" s="208">
        <v>0.11600000000000001</v>
      </c>
      <c r="O301" s="97">
        <v>7.4902073765480928E-2</v>
      </c>
      <c r="P301" s="208">
        <v>0.88400000000000001</v>
      </c>
      <c r="Q301" s="275">
        <v>7.4902073765480942E-2</v>
      </c>
      <c r="R301" s="208">
        <v>0</v>
      </c>
      <c r="S301" s="97">
        <v>3.3664360151118053E-2</v>
      </c>
    </row>
  </sheetData>
  <mergeCells count="39">
    <mergeCell ref="A4:W4"/>
    <mergeCell ref="A3:W3"/>
    <mergeCell ref="A123:D123"/>
    <mergeCell ref="A124:D124"/>
    <mergeCell ref="A154:S154"/>
    <mergeCell ref="A153:S153"/>
    <mergeCell ref="A125:D125"/>
    <mergeCell ref="B5:L5"/>
    <mergeCell ref="M5:W5"/>
    <mergeCell ref="M35:W35"/>
    <mergeCell ref="A34:W34"/>
    <mergeCell ref="A33:W33"/>
    <mergeCell ref="B35:L35"/>
    <mergeCell ref="B65:L65"/>
    <mergeCell ref="M65:W65"/>
    <mergeCell ref="A63:W63"/>
    <mergeCell ref="A93:L93"/>
    <mergeCell ref="A64:W64"/>
    <mergeCell ref="AL215:AT215"/>
    <mergeCell ref="A214:AT214"/>
    <mergeCell ref="A213:AT213"/>
    <mergeCell ref="B215:J215"/>
    <mergeCell ref="K215:S215"/>
    <mergeCell ref="T215:AB215"/>
    <mergeCell ref="AC215:AK215"/>
    <mergeCell ref="A184:D184"/>
    <mergeCell ref="K155:S155"/>
    <mergeCell ref="B155:J155"/>
    <mergeCell ref="A185:D185"/>
    <mergeCell ref="A183:D183"/>
    <mergeCell ref="A94:G94"/>
    <mergeCell ref="K275:S275"/>
    <mergeCell ref="B275:J275"/>
    <mergeCell ref="A274:S274"/>
    <mergeCell ref="A273:S273"/>
    <mergeCell ref="A243:D243"/>
    <mergeCell ref="A244:D244"/>
    <mergeCell ref="A245:D245"/>
    <mergeCell ref="B95:L95"/>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G61"/>
  <sheetViews>
    <sheetView zoomScaleNormal="100" workbookViewId="0">
      <selection activeCell="A42" sqref="A42"/>
    </sheetView>
  </sheetViews>
  <sheetFormatPr defaultColWidth="21.28515625" defaultRowHeight="15"/>
  <cols>
    <col min="1" max="1" width="44.7109375" customWidth="1"/>
  </cols>
  <sheetData>
    <row r="1" spans="1:4" ht="31.5">
      <c r="A1" s="33" t="s">
        <v>54</v>
      </c>
    </row>
    <row r="3" spans="1:4" ht="18.75">
      <c r="A3" s="408" t="s">
        <v>422</v>
      </c>
      <c r="B3" s="408"/>
      <c r="C3" s="408"/>
      <c r="D3" s="408"/>
    </row>
    <row r="4" spans="1:4" ht="122.25" customHeight="1">
      <c r="A4" s="406" t="s">
        <v>503</v>
      </c>
      <c r="B4" s="406"/>
      <c r="C4" s="406"/>
      <c r="D4" s="406"/>
    </row>
    <row r="5" spans="1:4" ht="36.75" customHeight="1">
      <c r="A5" s="383" t="s">
        <v>170</v>
      </c>
      <c r="B5" s="383"/>
      <c r="C5" s="383"/>
      <c r="D5" s="383"/>
    </row>
    <row r="6" spans="1:4" ht="72">
      <c r="A6" s="37" t="s">
        <v>85</v>
      </c>
      <c r="B6" s="38" t="s">
        <v>86</v>
      </c>
      <c r="C6" s="39" t="s">
        <v>87</v>
      </c>
      <c r="D6" s="40" t="s">
        <v>88</v>
      </c>
    </row>
    <row r="7" spans="1:4" ht="60">
      <c r="A7" s="41"/>
      <c r="B7" s="42" t="s">
        <v>89</v>
      </c>
      <c r="C7" s="125" t="s">
        <v>171</v>
      </c>
      <c r="D7" s="44" t="s">
        <v>91</v>
      </c>
    </row>
    <row r="8" spans="1:4">
      <c r="A8" s="45" t="s">
        <v>424</v>
      </c>
      <c r="B8" s="210">
        <v>10771</v>
      </c>
      <c r="C8" s="84">
        <v>4.5999999999999996</v>
      </c>
      <c r="D8" s="85">
        <v>1.9599999999999999E-2</v>
      </c>
    </row>
    <row r="9" spans="1:4">
      <c r="A9" s="49" t="s">
        <v>425</v>
      </c>
      <c r="B9" s="49">
        <v>8708</v>
      </c>
      <c r="C9" s="212">
        <v>4.6100000000000003</v>
      </c>
      <c r="D9" s="213">
        <v>1.9599999999999999E-2</v>
      </c>
    </row>
    <row r="10" spans="1:4">
      <c r="A10" s="45" t="s">
        <v>426</v>
      </c>
      <c r="B10" s="53">
        <v>1898</v>
      </c>
      <c r="C10" s="84">
        <v>4.6900000000000004</v>
      </c>
      <c r="D10" s="85">
        <v>5.8799999999999998E-2</v>
      </c>
    </row>
    <row r="11" spans="1:4">
      <c r="A11" s="49" t="s">
        <v>427</v>
      </c>
      <c r="B11" s="49">
        <v>8269</v>
      </c>
      <c r="C11" s="212">
        <v>4.5999999999999996</v>
      </c>
      <c r="D11" s="213">
        <v>1.9599999999999999E-2</v>
      </c>
    </row>
    <row r="12" spans="1:4">
      <c r="A12" s="45" t="s">
        <v>428</v>
      </c>
      <c r="B12" s="53">
        <v>2503</v>
      </c>
      <c r="C12" s="84">
        <v>4.79</v>
      </c>
      <c r="D12" s="85">
        <v>3.9199999999999999E-2</v>
      </c>
    </row>
    <row r="13" spans="1:4">
      <c r="A13" s="49" t="s">
        <v>429</v>
      </c>
      <c r="B13" s="49">
        <v>620</v>
      </c>
      <c r="C13" s="212">
        <v>4.93</v>
      </c>
      <c r="D13" s="213">
        <v>9.8000000000000004E-2</v>
      </c>
    </row>
    <row r="14" spans="1:4">
      <c r="A14" s="45" t="s">
        <v>430</v>
      </c>
      <c r="B14" s="53">
        <v>1576</v>
      </c>
      <c r="C14" s="84">
        <v>4.76</v>
      </c>
      <c r="D14" s="85">
        <v>5.8799999999999998E-2</v>
      </c>
    </row>
    <row r="15" spans="1:4">
      <c r="A15" s="49" t="s">
        <v>431</v>
      </c>
      <c r="B15" s="49">
        <v>237</v>
      </c>
      <c r="C15" s="212">
        <v>4.8</v>
      </c>
      <c r="D15" s="213">
        <v>0.15679999999999999</v>
      </c>
    </row>
    <row r="16" spans="1:4">
      <c r="A16" s="45" t="s">
        <v>432</v>
      </c>
      <c r="B16" s="53">
        <v>554</v>
      </c>
      <c r="C16" s="84">
        <v>4.76</v>
      </c>
      <c r="D16" s="85">
        <v>9.8000000000000004E-2</v>
      </c>
    </row>
    <row r="17" spans="1:79">
      <c r="A17" s="49" t="s">
        <v>433</v>
      </c>
      <c r="B17" s="49">
        <v>719</v>
      </c>
      <c r="C17" s="212">
        <v>4.7699999999999996</v>
      </c>
      <c r="D17" s="213">
        <v>9.8000000000000004E-2</v>
      </c>
    </row>
    <row r="18" spans="1:79">
      <c r="A18" s="45" t="s">
        <v>434</v>
      </c>
      <c r="B18" s="210">
        <v>971</v>
      </c>
      <c r="C18" s="84">
        <v>4.8600000000000003</v>
      </c>
      <c r="D18" s="85">
        <v>7.8399999999999997E-2</v>
      </c>
    </row>
    <row r="19" spans="1:79">
      <c r="A19" s="49" t="s">
        <v>435</v>
      </c>
      <c r="B19" s="211">
        <v>738</v>
      </c>
      <c r="C19" s="212">
        <v>4.74</v>
      </c>
      <c r="D19" s="213">
        <v>9.8000000000000004E-2</v>
      </c>
    </row>
    <row r="20" spans="1:79">
      <c r="A20" s="45" t="s">
        <v>436</v>
      </c>
      <c r="B20" s="83">
        <v>133</v>
      </c>
      <c r="C20" s="84">
        <v>4.9400000000000004</v>
      </c>
      <c r="D20" s="85">
        <v>0.21559999999999999</v>
      </c>
    </row>
    <row r="21" spans="1:79">
      <c r="A21" s="49" t="s">
        <v>437</v>
      </c>
      <c r="B21" s="211">
        <v>154</v>
      </c>
      <c r="C21" s="212">
        <v>4.95</v>
      </c>
      <c r="D21" s="213">
        <v>0.19600000000000001</v>
      </c>
    </row>
    <row r="22" spans="1:79">
      <c r="A22" s="45" t="s">
        <v>438</v>
      </c>
      <c r="B22" s="210">
        <v>255</v>
      </c>
      <c r="C22" s="84">
        <v>4.83</v>
      </c>
      <c r="D22" s="85">
        <v>0.15679999999999999</v>
      </c>
    </row>
    <row r="23" spans="1:79">
      <c r="A23" s="49" t="s">
        <v>439</v>
      </c>
      <c r="B23" s="211">
        <v>402</v>
      </c>
      <c r="C23" s="212">
        <v>4.88</v>
      </c>
      <c r="D23" s="213">
        <v>0.1176</v>
      </c>
    </row>
    <row r="24" spans="1:79">
      <c r="A24" s="45" t="s">
        <v>440</v>
      </c>
      <c r="B24" s="210">
        <v>406</v>
      </c>
      <c r="C24" s="84">
        <v>4.83</v>
      </c>
      <c r="D24" s="85">
        <v>0.1176</v>
      </c>
    </row>
    <row r="25" spans="1:79">
      <c r="A25" s="49" t="s">
        <v>441</v>
      </c>
      <c r="B25" s="211">
        <v>281</v>
      </c>
      <c r="C25" s="212">
        <v>4.6500000000000004</v>
      </c>
      <c r="D25" s="213">
        <v>0.13720000000000002</v>
      </c>
    </row>
    <row r="26" spans="1:79">
      <c r="A26" s="45" t="s">
        <v>442</v>
      </c>
      <c r="B26" s="210">
        <v>767</v>
      </c>
      <c r="C26" s="84">
        <v>4.7</v>
      </c>
      <c r="D26" s="85">
        <v>0</v>
      </c>
    </row>
    <row r="27" spans="1:79">
      <c r="A27" s="49" t="s">
        <v>443</v>
      </c>
      <c r="B27" s="211">
        <v>1010</v>
      </c>
      <c r="C27" s="212">
        <v>4.7</v>
      </c>
      <c r="D27" s="213">
        <v>0</v>
      </c>
    </row>
    <row r="28" spans="1:79">
      <c r="A28" s="45" t="s">
        <v>444</v>
      </c>
      <c r="B28" s="210">
        <v>279</v>
      </c>
      <c r="C28" s="84">
        <v>5</v>
      </c>
      <c r="D28" s="85">
        <v>0.19600000000000001</v>
      </c>
    </row>
    <row r="29" spans="1:79">
      <c r="A29" s="49" t="s">
        <v>445</v>
      </c>
      <c r="B29" s="211">
        <v>194</v>
      </c>
      <c r="C29" s="212">
        <v>5</v>
      </c>
      <c r="D29" s="213">
        <v>0.19600000000000001</v>
      </c>
    </row>
    <row r="30" spans="1:79">
      <c r="A30" s="45" t="s">
        <v>446</v>
      </c>
      <c r="B30" s="210">
        <v>164</v>
      </c>
      <c r="C30" s="84">
        <v>4.5999999999999996</v>
      </c>
      <c r="D30" s="85">
        <v>0.19600000000000001</v>
      </c>
    </row>
    <row r="31" spans="1:79">
      <c r="A31" s="49" t="s">
        <v>447</v>
      </c>
      <c r="B31" s="211">
        <v>79</v>
      </c>
      <c r="C31" s="212">
        <v>4.8</v>
      </c>
      <c r="D31" s="213">
        <v>0.19600000000000001</v>
      </c>
      <c r="W31" s="256"/>
      <c r="X31" s="256"/>
      <c r="Y31" s="256"/>
      <c r="Z31" s="256"/>
      <c r="AA31" s="256"/>
      <c r="AB31" s="256"/>
      <c r="AC31" s="256"/>
      <c r="AD31" s="256"/>
      <c r="AE31" s="256"/>
      <c r="AF31" s="256"/>
      <c r="AG31" s="256"/>
      <c r="AH31" s="256"/>
      <c r="AI31" s="256"/>
      <c r="AJ31" s="256"/>
      <c r="AK31" s="256"/>
      <c r="AL31" s="256"/>
      <c r="AM31" s="256"/>
      <c r="AN31" s="256"/>
      <c r="AO31" s="256"/>
      <c r="AP31" s="256"/>
      <c r="AQ31" s="256"/>
      <c r="AR31" s="256"/>
      <c r="AS31" s="256"/>
      <c r="AT31" s="256"/>
      <c r="AU31" s="256"/>
      <c r="AV31" s="256"/>
      <c r="AW31" s="256"/>
      <c r="AX31" s="256"/>
      <c r="AY31" s="256"/>
      <c r="AZ31" s="256"/>
      <c r="BA31" s="256"/>
      <c r="BB31" s="256"/>
      <c r="BC31" s="256"/>
      <c r="BD31" s="256"/>
      <c r="BE31" s="256"/>
      <c r="BF31" s="256"/>
      <c r="BG31" s="256"/>
      <c r="BH31" s="256"/>
      <c r="BI31" s="256"/>
      <c r="BJ31" s="256"/>
      <c r="BK31" s="256"/>
      <c r="BL31" s="256"/>
      <c r="BM31" s="256"/>
      <c r="BN31" s="256"/>
      <c r="BO31" s="256"/>
      <c r="BP31" s="256"/>
      <c r="BQ31" s="256"/>
      <c r="BR31" s="256"/>
      <c r="BS31" s="256"/>
      <c r="BT31" s="256"/>
      <c r="BU31" s="256"/>
      <c r="BV31" s="256"/>
      <c r="BW31" s="256"/>
      <c r="BX31" s="256"/>
      <c r="BY31" s="256"/>
      <c r="BZ31" s="256"/>
      <c r="CA31" s="256"/>
    </row>
    <row r="32" spans="1:79">
      <c r="W32" s="256"/>
      <c r="X32" s="256"/>
      <c r="Y32" s="256"/>
      <c r="Z32" s="256"/>
      <c r="AA32" s="256"/>
      <c r="AB32" s="256"/>
      <c r="AC32" s="256"/>
      <c r="AD32" s="256"/>
      <c r="AE32" s="256"/>
      <c r="AF32" s="256"/>
      <c r="AG32" s="256"/>
      <c r="AH32" s="256"/>
      <c r="AI32" s="256"/>
      <c r="AJ32" s="256"/>
      <c r="AK32" s="256"/>
      <c r="AL32" s="256"/>
      <c r="AM32" s="256"/>
      <c r="AN32" s="256"/>
      <c r="AO32" s="256"/>
      <c r="AP32" s="256"/>
      <c r="AQ32" s="256"/>
      <c r="AR32" s="256"/>
      <c r="AS32" s="256"/>
      <c r="AT32" s="256"/>
      <c r="AU32" s="256"/>
      <c r="AV32" s="256"/>
      <c r="AW32" s="256"/>
      <c r="AX32" s="256"/>
      <c r="AY32" s="256"/>
      <c r="AZ32" s="256"/>
      <c r="BA32" s="256"/>
      <c r="BB32" s="256"/>
      <c r="BC32" s="256"/>
      <c r="BD32" s="256"/>
      <c r="BE32" s="256"/>
      <c r="BF32" s="256"/>
      <c r="BG32" s="256"/>
      <c r="BH32" s="256"/>
      <c r="BI32" s="256"/>
      <c r="BJ32" s="256"/>
      <c r="BK32" s="256"/>
      <c r="BL32" s="256"/>
      <c r="BM32" s="256"/>
      <c r="BN32" s="256"/>
      <c r="BO32" s="256"/>
      <c r="BP32" s="256"/>
      <c r="BQ32" s="256"/>
      <c r="BR32" s="256"/>
      <c r="BS32" s="256"/>
      <c r="BT32" s="256"/>
      <c r="BU32" s="256"/>
      <c r="BV32" s="256"/>
      <c r="BW32" s="256"/>
      <c r="BX32" s="256"/>
      <c r="BY32" s="256"/>
      <c r="BZ32" s="256"/>
      <c r="CA32" s="256"/>
    </row>
    <row r="33" spans="1:85" ht="18.75">
      <c r="A33" s="335" t="s">
        <v>55</v>
      </c>
      <c r="B33" s="335"/>
      <c r="C33" s="335"/>
      <c r="D33" s="335"/>
      <c r="E33" s="335"/>
      <c r="F33" s="335"/>
      <c r="G33" s="335"/>
      <c r="H33" s="335"/>
      <c r="I33" s="335"/>
      <c r="J33" s="335"/>
      <c r="K33" s="335"/>
      <c r="L33" s="335"/>
      <c r="M33" s="335"/>
      <c r="N33" s="335"/>
      <c r="O33" s="335"/>
      <c r="P33" s="335"/>
      <c r="Q33" s="335"/>
      <c r="R33" s="335"/>
      <c r="S33" s="335"/>
      <c r="T33" s="335"/>
      <c r="U33" s="335"/>
      <c r="V33" s="335"/>
      <c r="W33" s="335"/>
      <c r="X33" s="335"/>
      <c r="Y33" s="335"/>
      <c r="Z33" s="335"/>
      <c r="AA33" s="335"/>
      <c r="AB33" s="335"/>
      <c r="AC33" s="335"/>
      <c r="AD33" s="335"/>
      <c r="AE33" s="335"/>
      <c r="AF33" s="335"/>
      <c r="AG33" s="335"/>
      <c r="AH33" s="335"/>
      <c r="AI33" s="335"/>
      <c r="AJ33" s="335"/>
      <c r="AK33" s="335"/>
      <c r="AL33" s="226"/>
      <c r="AM33" s="226"/>
      <c r="AN33" s="226"/>
      <c r="AO33" s="226"/>
      <c r="AP33" s="226"/>
      <c r="AQ33" s="226"/>
      <c r="AR33" s="226"/>
      <c r="AS33" s="226"/>
      <c r="AT33" s="226"/>
      <c r="AU33" s="226"/>
      <c r="AV33" s="226"/>
      <c r="AW33" s="226"/>
      <c r="AX33" s="226"/>
      <c r="AY33" s="226"/>
      <c r="AZ33" s="226"/>
      <c r="BA33" s="226"/>
      <c r="BB33" s="226"/>
      <c r="BC33" s="226"/>
      <c r="BD33" s="226"/>
      <c r="BE33" s="226"/>
      <c r="BF33" s="226"/>
      <c r="BG33" s="226"/>
      <c r="BH33" s="226"/>
      <c r="BI33" s="226"/>
      <c r="BJ33" s="226"/>
      <c r="BK33" s="226"/>
      <c r="BL33" s="226"/>
      <c r="BM33" s="226"/>
      <c r="BN33" s="226"/>
      <c r="BO33" s="226"/>
      <c r="BP33" s="226"/>
      <c r="BQ33" s="226"/>
      <c r="BR33" s="226"/>
      <c r="BS33" s="226"/>
      <c r="BT33" s="226"/>
      <c r="BU33" s="226"/>
      <c r="BV33" s="226"/>
      <c r="BW33" s="226"/>
      <c r="BX33" s="226"/>
      <c r="BY33" s="226"/>
      <c r="BZ33" s="226"/>
      <c r="CA33" s="256"/>
    </row>
    <row r="34" spans="1:85" ht="85.5" customHeight="1">
      <c r="A34" s="404" t="s">
        <v>519</v>
      </c>
      <c r="B34" s="404"/>
      <c r="C34" s="404"/>
      <c r="D34" s="404"/>
      <c r="E34" s="404"/>
      <c r="F34" s="404"/>
      <c r="G34" s="404"/>
      <c r="H34" s="404"/>
      <c r="I34" s="404"/>
      <c r="J34" s="404"/>
      <c r="K34" s="404"/>
      <c r="L34" s="404"/>
      <c r="M34" s="404"/>
      <c r="N34" s="404"/>
      <c r="O34" s="404"/>
      <c r="P34" s="404"/>
      <c r="Q34" s="404"/>
      <c r="R34" s="404"/>
      <c r="S34" s="404"/>
      <c r="T34" s="404"/>
      <c r="U34" s="404"/>
      <c r="V34" s="404"/>
      <c r="W34" s="404"/>
      <c r="X34" s="404"/>
      <c r="Y34" s="404"/>
      <c r="Z34" s="404"/>
      <c r="AA34" s="404"/>
      <c r="AB34" s="404"/>
      <c r="AC34" s="404"/>
      <c r="AD34" s="404"/>
      <c r="AE34" s="404"/>
      <c r="AF34" s="404"/>
      <c r="AG34" s="404"/>
      <c r="AH34" s="404"/>
      <c r="AI34" s="404"/>
      <c r="AJ34" s="404"/>
      <c r="AK34" s="404"/>
      <c r="AL34" s="257"/>
      <c r="AM34" s="257"/>
      <c r="AN34" s="257"/>
      <c r="AO34" s="257"/>
      <c r="AP34" s="257"/>
      <c r="AQ34" s="257"/>
      <c r="AR34" s="257"/>
      <c r="AS34" s="257"/>
      <c r="AT34" s="257"/>
      <c r="AU34" s="257"/>
      <c r="AV34" s="257"/>
      <c r="AW34" s="257"/>
      <c r="AX34" s="257"/>
      <c r="AY34" s="257"/>
      <c r="AZ34" s="257"/>
      <c r="BA34" s="257"/>
      <c r="BB34" s="257"/>
      <c r="BC34" s="257"/>
      <c r="BD34" s="257"/>
      <c r="BE34" s="257"/>
      <c r="BF34" s="257"/>
      <c r="BG34" s="257"/>
      <c r="BH34" s="257"/>
      <c r="BI34" s="257"/>
      <c r="BJ34" s="257"/>
      <c r="BK34" s="257"/>
      <c r="BL34" s="257"/>
      <c r="BM34" s="257"/>
      <c r="BN34" s="257"/>
      <c r="BO34" s="257"/>
      <c r="BP34" s="257"/>
      <c r="BQ34" s="257"/>
      <c r="BR34" s="257"/>
      <c r="BS34" s="257"/>
      <c r="BT34" s="257"/>
      <c r="BU34" s="257"/>
      <c r="BV34" s="257"/>
      <c r="BW34" s="257"/>
      <c r="BX34" s="257"/>
      <c r="BY34" s="257"/>
      <c r="BZ34" s="257"/>
      <c r="CA34" s="256"/>
    </row>
    <row r="35" spans="1:85" ht="33.75" customHeight="1">
      <c r="A35" s="64"/>
      <c r="B35" s="395" t="s">
        <v>282</v>
      </c>
      <c r="C35" s="396"/>
      <c r="D35" s="396"/>
      <c r="E35" s="396"/>
      <c r="F35" s="396"/>
      <c r="G35" s="396"/>
      <c r="H35" s="396"/>
      <c r="I35" s="396"/>
      <c r="J35" s="397"/>
      <c r="K35" s="395" t="s">
        <v>283</v>
      </c>
      <c r="L35" s="396"/>
      <c r="M35" s="396"/>
      <c r="N35" s="396"/>
      <c r="O35" s="396"/>
      <c r="P35" s="396"/>
      <c r="Q35" s="396"/>
      <c r="R35" s="396"/>
      <c r="S35" s="397"/>
      <c r="T35" s="395" t="s">
        <v>370</v>
      </c>
      <c r="U35" s="396"/>
      <c r="V35" s="396"/>
      <c r="W35" s="396"/>
      <c r="X35" s="396"/>
      <c r="Y35" s="396"/>
      <c r="Z35" s="396"/>
      <c r="AA35" s="396"/>
      <c r="AB35" s="397"/>
      <c r="AC35" s="395" t="s">
        <v>414</v>
      </c>
      <c r="AD35" s="396"/>
      <c r="AE35" s="396"/>
      <c r="AF35" s="396"/>
      <c r="AG35" s="396"/>
      <c r="AH35" s="396"/>
      <c r="AI35" s="396"/>
      <c r="AJ35" s="396"/>
      <c r="AK35" s="397"/>
      <c r="AL35" s="256"/>
      <c r="AM35" s="256"/>
      <c r="AN35" s="256"/>
      <c r="AO35" s="256"/>
      <c r="AP35" s="256"/>
      <c r="AQ35" s="256"/>
      <c r="AR35" s="256"/>
      <c r="AS35" s="256"/>
      <c r="AT35" s="256"/>
      <c r="AU35" s="256"/>
      <c r="AV35" s="256"/>
      <c r="AW35" s="256"/>
      <c r="AX35" s="256"/>
      <c r="AY35" s="256"/>
      <c r="AZ35" s="256"/>
      <c r="BA35" s="256"/>
      <c r="BB35" s="256"/>
      <c r="BC35" s="256"/>
      <c r="BD35" s="256"/>
      <c r="BE35" s="256"/>
      <c r="BF35" s="256"/>
      <c r="BG35" s="256"/>
      <c r="BH35" s="256"/>
      <c r="BI35" s="256"/>
      <c r="BJ35" s="256"/>
      <c r="BK35" s="256"/>
      <c r="BL35" s="256"/>
      <c r="BM35" s="256"/>
      <c r="BN35" s="256"/>
      <c r="BO35" s="256"/>
      <c r="BP35" s="256"/>
      <c r="BQ35" s="256"/>
      <c r="BR35" s="256"/>
      <c r="BS35" s="256"/>
      <c r="BT35" s="256"/>
      <c r="BU35" s="256"/>
      <c r="BV35" s="256"/>
      <c r="BW35" s="256"/>
      <c r="BX35" s="256"/>
      <c r="BY35" s="256"/>
      <c r="BZ35" s="256"/>
      <c r="CA35" s="256"/>
      <c r="CB35" s="256"/>
      <c r="CC35" s="256"/>
      <c r="CD35" s="256"/>
      <c r="CE35" s="256"/>
      <c r="CF35" s="256"/>
      <c r="CG35" s="256"/>
    </row>
    <row r="36" spans="1:85" ht="72">
      <c r="A36" s="37" t="s">
        <v>85</v>
      </c>
      <c r="B36" s="38" t="s">
        <v>86</v>
      </c>
      <c r="C36" s="38" t="s">
        <v>257</v>
      </c>
      <c r="D36" s="89" t="s">
        <v>347</v>
      </c>
      <c r="E36" s="38" t="s">
        <v>348</v>
      </c>
      <c r="F36" s="89" t="s">
        <v>315</v>
      </c>
      <c r="G36" s="38" t="s">
        <v>349</v>
      </c>
      <c r="H36" s="89" t="s">
        <v>316</v>
      </c>
      <c r="I36" s="38" t="s">
        <v>353</v>
      </c>
      <c r="J36" s="89" t="s">
        <v>367</v>
      </c>
      <c r="K36" s="65" t="s">
        <v>86</v>
      </c>
      <c r="L36" s="65" t="s">
        <v>257</v>
      </c>
      <c r="M36" s="88" t="s">
        <v>347</v>
      </c>
      <c r="N36" s="65" t="s">
        <v>348</v>
      </c>
      <c r="O36" s="88" t="s">
        <v>315</v>
      </c>
      <c r="P36" s="65" t="s">
        <v>349</v>
      </c>
      <c r="Q36" s="88" t="s">
        <v>316</v>
      </c>
      <c r="R36" s="65" t="s">
        <v>353</v>
      </c>
      <c r="S36" s="88" t="s">
        <v>367</v>
      </c>
      <c r="T36" s="38" t="s">
        <v>86</v>
      </c>
      <c r="U36" s="38" t="s">
        <v>350</v>
      </c>
      <c r="V36" s="89" t="s">
        <v>318</v>
      </c>
      <c r="W36" s="38" t="s">
        <v>373</v>
      </c>
      <c r="X36" s="89" t="s">
        <v>381</v>
      </c>
      <c r="Y36" s="38" t="s">
        <v>372</v>
      </c>
      <c r="Z36" s="89" t="s">
        <v>371</v>
      </c>
      <c r="AA36" s="38" t="s">
        <v>353</v>
      </c>
      <c r="AB36" s="89" t="s">
        <v>367</v>
      </c>
      <c r="AC36" s="38" t="s">
        <v>86</v>
      </c>
      <c r="AD36" s="38" t="s">
        <v>415</v>
      </c>
      <c r="AE36" s="89" t="s">
        <v>416</v>
      </c>
      <c r="AF36" s="38" t="s">
        <v>411</v>
      </c>
      <c r="AG36" s="89" t="s">
        <v>413</v>
      </c>
      <c r="AH36" s="38" t="s">
        <v>417</v>
      </c>
      <c r="AI36" s="89" t="s">
        <v>418</v>
      </c>
      <c r="AJ36" s="38" t="s">
        <v>353</v>
      </c>
      <c r="AK36" s="89" t="s">
        <v>367</v>
      </c>
      <c r="AL36" s="256"/>
      <c r="AM36" s="256"/>
      <c r="AN36" s="256"/>
      <c r="AO36" s="256"/>
      <c r="AP36" s="256"/>
      <c r="AQ36" s="256"/>
      <c r="AR36" s="256"/>
      <c r="AS36" s="256"/>
      <c r="AT36" s="256"/>
      <c r="AU36" s="256"/>
      <c r="AV36" s="256"/>
      <c r="AW36" s="256"/>
      <c r="AX36" s="256"/>
      <c r="AY36" s="256"/>
      <c r="AZ36" s="256"/>
      <c r="BA36" s="256"/>
      <c r="BB36" s="256"/>
      <c r="BC36" s="256"/>
      <c r="BD36" s="256"/>
      <c r="BE36" s="256"/>
      <c r="BF36" s="256"/>
      <c r="BG36" s="256"/>
      <c r="BH36" s="256"/>
      <c r="BI36" s="256"/>
      <c r="BJ36" s="256"/>
      <c r="BK36" s="256"/>
      <c r="BL36" s="256"/>
      <c r="BM36" s="256"/>
      <c r="BN36" s="256"/>
      <c r="BO36" s="256"/>
      <c r="BP36" s="256"/>
      <c r="BQ36" s="256"/>
      <c r="BR36" s="256"/>
      <c r="BS36" s="256"/>
      <c r="BT36" s="256"/>
      <c r="BU36" s="256"/>
      <c r="BV36" s="256"/>
      <c r="BW36" s="256"/>
      <c r="BX36" s="256"/>
      <c r="BY36" s="256"/>
      <c r="BZ36" s="256"/>
      <c r="CA36" s="256"/>
      <c r="CB36" s="256"/>
      <c r="CC36" s="256"/>
      <c r="CD36" s="256"/>
      <c r="CE36" s="256"/>
      <c r="CF36" s="256"/>
      <c r="CG36" s="256"/>
    </row>
    <row r="37" spans="1:85" ht="60">
      <c r="A37" s="41"/>
      <c r="B37" s="42" t="s">
        <v>89</v>
      </c>
      <c r="C37" s="42" t="s">
        <v>181</v>
      </c>
      <c r="D37" s="91" t="s">
        <v>104</v>
      </c>
      <c r="E37" s="42" t="s">
        <v>182</v>
      </c>
      <c r="F37" s="91" t="s">
        <v>104</v>
      </c>
      <c r="G37" s="42" t="s">
        <v>183</v>
      </c>
      <c r="H37" s="91" t="s">
        <v>104</v>
      </c>
      <c r="I37" s="42" t="s">
        <v>353</v>
      </c>
      <c r="J37" s="91" t="s">
        <v>104</v>
      </c>
      <c r="K37" s="68" t="s">
        <v>89</v>
      </c>
      <c r="L37" s="68" t="s">
        <v>181</v>
      </c>
      <c r="M37" s="90" t="s">
        <v>104</v>
      </c>
      <c r="N37" s="68" t="s">
        <v>182</v>
      </c>
      <c r="O37" s="90" t="s">
        <v>104</v>
      </c>
      <c r="P37" s="68" t="s">
        <v>183</v>
      </c>
      <c r="Q37" s="90" t="s">
        <v>104</v>
      </c>
      <c r="R37" s="68" t="s">
        <v>353</v>
      </c>
      <c r="S37" s="90" t="s">
        <v>104</v>
      </c>
      <c r="T37" s="42" t="s">
        <v>89</v>
      </c>
      <c r="U37" s="42" t="s">
        <v>183</v>
      </c>
      <c r="V37" s="91" t="s">
        <v>104</v>
      </c>
      <c r="W37" s="42" t="s">
        <v>182</v>
      </c>
      <c r="X37" s="91" t="s">
        <v>104</v>
      </c>
      <c r="Y37" s="42" t="s">
        <v>181</v>
      </c>
      <c r="Z37" s="91" t="s">
        <v>104</v>
      </c>
      <c r="AA37" s="42" t="s">
        <v>353</v>
      </c>
      <c r="AB37" s="91" t="s">
        <v>104</v>
      </c>
      <c r="AC37" s="42" t="s">
        <v>89</v>
      </c>
      <c r="AD37" s="42" t="s">
        <v>410</v>
      </c>
      <c r="AE37" s="91" t="s">
        <v>104</v>
      </c>
      <c r="AF37" s="42" t="s">
        <v>412</v>
      </c>
      <c r="AG37" s="91" t="s">
        <v>104</v>
      </c>
      <c r="AH37" s="42" t="s">
        <v>181</v>
      </c>
      <c r="AI37" s="91" t="s">
        <v>104</v>
      </c>
      <c r="AJ37" s="42" t="s">
        <v>353</v>
      </c>
      <c r="AK37" s="91" t="s">
        <v>104</v>
      </c>
    </row>
    <row r="38" spans="1:85">
      <c r="A38" s="45" t="s">
        <v>424</v>
      </c>
      <c r="B38" s="210">
        <v>10987</v>
      </c>
      <c r="C38" s="214">
        <v>0.14499999999999999</v>
      </c>
      <c r="D38" s="94">
        <v>6.7195320495849918E-3</v>
      </c>
      <c r="E38" s="214">
        <v>0.17499999999999999</v>
      </c>
      <c r="F38" s="94">
        <v>7.2505837198073879E-3</v>
      </c>
      <c r="G38" s="214">
        <v>0.58299999999999996</v>
      </c>
      <c r="H38" s="94">
        <v>9.4062858935187836E-3</v>
      </c>
      <c r="I38" s="214">
        <v>9.7000000000000003E-2</v>
      </c>
      <c r="J38" s="94">
        <v>5.6498113137452479E-3</v>
      </c>
      <c r="K38" s="210">
        <v>10973</v>
      </c>
      <c r="L38" s="214">
        <v>9.4E-2</v>
      </c>
      <c r="M38" s="94">
        <v>5.574709286512893E-3</v>
      </c>
      <c r="N38" s="214">
        <v>0.17399999999999999</v>
      </c>
      <c r="O38" s="94">
        <v>7.2388533801420046E-3</v>
      </c>
      <c r="P38" s="214">
        <v>0.68300000000000005</v>
      </c>
      <c r="Q38" s="94">
        <v>8.8828559436392226E-3</v>
      </c>
      <c r="R38" s="214">
        <v>4.8000000000000001E-2</v>
      </c>
      <c r="S38" s="94">
        <v>4.0872719165296447E-3</v>
      </c>
      <c r="T38" s="210">
        <v>10981</v>
      </c>
      <c r="U38" s="214">
        <v>0.315</v>
      </c>
      <c r="V38" s="94">
        <v>8.8645277740618655E-3</v>
      </c>
      <c r="W38" s="214">
        <v>0.25700000000000001</v>
      </c>
      <c r="X38" s="94">
        <v>8.3394963339389408E-3</v>
      </c>
      <c r="Y38" s="214">
        <v>0.33099999999999996</v>
      </c>
      <c r="Z38" s="94">
        <v>8.9800222557315443E-3</v>
      </c>
      <c r="AA38" s="214">
        <v>9.6000000000000002E-2</v>
      </c>
      <c r="AB38" s="94">
        <v>5.6253164334750284E-3</v>
      </c>
      <c r="AC38" s="210">
        <v>10981</v>
      </c>
      <c r="AD38" s="214">
        <v>0.13900000000000001</v>
      </c>
      <c r="AE38" s="94">
        <v>6.6040605169667152E-3</v>
      </c>
      <c r="AF38" s="214">
        <v>0.433</v>
      </c>
      <c r="AG38" s="94">
        <v>9.4551480529282261E-3</v>
      </c>
      <c r="AH38" s="214">
        <v>0.33099999999999996</v>
      </c>
      <c r="AI38" s="94">
        <v>8.9800222557315443E-3</v>
      </c>
      <c r="AJ38" s="214">
        <v>9.6000000000000002E-2</v>
      </c>
      <c r="AK38" s="94">
        <v>5.6253164334750284E-3</v>
      </c>
    </row>
    <row r="39" spans="1:85">
      <c r="A39" s="49" t="s">
        <v>425</v>
      </c>
      <c r="B39" s="211">
        <v>8842</v>
      </c>
      <c r="C39" s="215">
        <v>0.158</v>
      </c>
      <c r="D39" s="97">
        <v>7.7591413800206155E-3</v>
      </c>
      <c r="E39" s="215">
        <v>0.16500000000000001</v>
      </c>
      <c r="F39" s="97">
        <v>7.8958993714297859E-3</v>
      </c>
      <c r="G39" s="215">
        <v>0.60299999999999998</v>
      </c>
      <c r="H39" s="97">
        <v>1.0404450260556355E-2</v>
      </c>
      <c r="I39" s="215">
        <v>7.4999999999999997E-2</v>
      </c>
      <c r="J39" s="97">
        <v>5.6074912643168575E-3</v>
      </c>
      <c r="K39" s="211">
        <v>8827</v>
      </c>
      <c r="L39" s="215">
        <v>0.10199999999999999</v>
      </c>
      <c r="M39" s="97">
        <v>6.4461908050648499E-3</v>
      </c>
      <c r="N39" s="215">
        <v>0.17100000000000001</v>
      </c>
      <c r="O39" s="97">
        <v>8.0158667611005298E-3</v>
      </c>
      <c r="P39" s="215">
        <v>0.68400000000000005</v>
      </c>
      <c r="Q39" s="97">
        <v>9.8952654435714073E-3</v>
      </c>
      <c r="R39" s="215">
        <v>4.2000000000000003E-2</v>
      </c>
      <c r="S39" s="97">
        <v>4.2791286444487106E-3</v>
      </c>
      <c r="T39" s="211">
        <v>8833</v>
      </c>
      <c r="U39" s="215">
        <v>0.29600000000000004</v>
      </c>
      <c r="V39" s="97">
        <v>9.7129018349856946E-3</v>
      </c>
      <c r="W39" s="215">
        <v>0.26300000000000001</v>
      </c>
      <c r="X39" s="97">
        <v>9.3679838122847064E-3</v>
      </c>
      <c r="Y39" s="215">
        <v>0.36299999999999999</v>
      </c>
      <c r="Z39" s="97">
        <v>1.0230963824209079E-2</v>
      </c>
      <c r="AA39" s="215">
        <v>7.6999999999999999E-2</v>
      </c>
      <c r="AB39" s="97">
        <v>5.6782958731589834E-3</v>
      </c>
      <c r="AC39" s="211">
        <v>8833</v>
      </c>
      <c r="AD39" s="215">
        <v>0.13900000000000001</v>
      </c>
      <c r="AE39" s="97">
        <v>7.3637739859551731E-3</v>
      </c>
      <c r="AF39" s="215">
        <v>0.42000000000000004</v>
      </c>
      <c r="AG39" s="97">
        <v>1.0500775498720836E-2</v>
      </c>
      <c r="AH39" s="215">
        <v>0.36299999999999999</v>
      </c>
      <c r="AI39" s="97">
        <v>1.0230963824209079E-2</v>
      </c>
      <c r="AJ39" s="215">
        <v>7.6999999999999999E-2</v>
      </c>
      <c r="AK39" s="97">
        <v>5.6782958731589834E-3</v>
      </c>
    </row>
    <row r="40" spans="1:85">
      <c r="A40" s="45" t="s">
        <v>426</v>
      </c>
      <c r="B40" s="210">
        <v>1984</v>
      </c>
      <c r="C40" s="214">
        <v>0.10879999999999999</v>
      </c>
      <c r="D40" s="94">
        <v>1.401190821998686E-2</v>
      </c>
      <c r="E40" s="214">
        <v>0.19539999999999999</v>
      </c>
      <c r="F40" s="94">
        <v>1.7806913698721335E-2</v>
      </c>
      <c r="G40" s="214">
        <v>0.57989999999999997</v>
      </c>
      <c r="H40" s="94">
        <v>2.2141017515266453E-2</v>
      </c>
      <c r="I40" s="214">
        <v>0.11600000000000001</v>
      </c>
      <c r="J40" s="94">
        <v>1.4405508904591561E-2</v>
      </c>
      <c r="K40" s="210">
        <v>1981</v>
      </c>
      <c r="L40" s="214">
        <v>7.3099999999999998E-2</v>
      </c>
      <c r="M40" s="94">
        <v>1.1747994782939288E-2</v>
      </c>
      <c r="N40" s="214">
        <v>0.16159999999999999</v>
      </c>
      <c r="O40" s="94">
        <v>1.6551362367851055E-2</v>
      </c>
      <c r="P40" s="214">
        <v>0.70489999999999997</v>
      </c>
      <c r="Q40" s="94">
        <v>2.048210004751546E-2</v>
      </c>
      <c r="R40" s="214">
        <v>6.0499999999999998E-2</v>
      </c>
      <c r="S40" s="94">
        <v>1.0775234711713703E-2</v>
      </c>
      <c r="T40" s="210">
        <v>1984</v>
      </c>
      <c r="U40" s="214">
        <v>0.31230000000000002</v>
      </c>
      <c r="V40" s="94">
        <v>2.0794594909042025E-2</v>
      </c>
      <c r="W40" s="214">
        <v>0.24210000000000001</v>
      </c>
      <c r="X40" s="94">
        <v>1.9228320845557947E-2</v>
      </c>
      <c r="Y40" s="214">
        <v>0.32650000000000001</v>
      </c>
      <c r="Z40" s="94">
        <v>2.1040287308778854E-2</v>
      </c>
      <c r="AA40" s="214">
        <v>0.1191</v>
      </c>
      <c r="AB40" s="94">
        <v>1.4569506269332963E-2</v>
      </c>
      <c r="AC40" s="210">
        <v>1984</v>
      </c>
      <c r="AD40" s="214">
        <v>0.1326</v>
      </c>
      <c r="AE40" s="94">
        <v>1.5248437840105598E-2</v>
      </c>
      <c r="AF40" s="214">
        <v>0.42180000000000001</v>
      </c>
      <c r="AG40" s="94">
        <v>2.2153177363820935E-2</v>
      </c>
      <c r="AH40" s="214">
        <v>0.32650000000000001</v>
      </c>
      <c r="AI40" s="94">
        <v>2.1040287308778854E-2</v>
      </c>
      <c r="AJ40" s="214">
        <v>0.1191</v>
      </c>
      <c r="AK40" s="94">
        <v>1.4569506269332963E-2</v>
      </c>
    </row>
    <row r="41" spans="1:85">
      <c r="A41" s="49" t="s">
        <v>427</v>
      </c>
      <c r="B41" s="211">
        <v>8489</v>
      </c>
      <c r="C41" s="215">
        <v>0.14399999999999999</v>
      </c>
      <c r="D41" s="97">
        <v>7.623031501577616E-3</v>
      </c>
      <c r="E41" s="215">
        <v>0.17499999999999999</v>
      </c>
      <c r="F41" s="97">
        <v>8.2488800611698991E-3</v>
      </c>
      <c r="G41" s="215">
        <v>0.58199999999999996</v>
      </c>
      <c r="H41" s="97">
        <v>1.0704212419443741E-2</v>
      </c>
      <c r="I41" s="215">
        <v>9.8000000000000004E-2</v>
      </c>
      <c r="J41" s="97">
        <v>6.4578696008379989E-3</v>
      </c>
      <c r="K41" s="211">
        <v>8478</v>
      </c>
      <c r="L41" s="215">
        <v>9.4E-2</v>
      </c>
      <c r="M41" s="97">
        <v>6.3431479362677824E-3</v>
      </c>
      <c r="N41" s="215">
        <v>0.17399999999999999</v>
      </c>
      <c r="O41" s="97">
        <v>8.2356307194163536E-3</v>
      </c>
      <c r="P41" s="215">
        <v>0.68300000000000005</v>
      </c>
      <c r="Q41" s="97">
        <v>1.010537684215103E-2</v>
      </c>
      <c r="R41" s="215">
        <v>4.9000000000000002E-2</v>
      </c>
      <c r="S41" s="97">
        <v>4.6974382968374114E-3</v>
      </c>
      <c r="T41" s="211">
        <v>8479</v>
      </c>
      <c r="U41" s="215">
        <v>0.316</v>
      </c>
      <c r="V41" s="97">
        <v>1.0096222685103469E-2</v>
      </c>
      <c r="W41" s="215">
        <v>0.25800000000000001</v>
      </c>
      <c r="X41" s="97">
        <v>9.502320866460686E-3</v>
      </c>
      <c r="Y41" s="215">
        <v>0.32999999999999996</v>
      </c>
      <c r="Z41" s="97">
        <v>1.0211190835919145E-2</v>
      </c>
      <c r="AA41" s="215">
        <v>9.6000000000000002E-2</v>
      </c>
      <c r="AB41" s="97">
        <v>6.4026505848225239E-3</v>
      </c>
      <c r="AC41" s="211">
        <v>8479</v>
      </c>
      <c r="AD41" s="215">
        <v>0.13900000000000001</v>
      </c>
      <c r="AE41" s="97">
        <v>7.5160050651561106E-3</v>
      </c>
      <c r="AF41" s="215">
        <v>0.435</v>
      </c>
      <c r="AG41" s="97">
        <v>1.0765337109624074E-2</v>
      </c>
      <c r="AH41" s="215">
        <v>0.32999999999999996</v>
      </c>
      <c r="AI41" s="97">
        <v>1.0211190835919145E-2</v>
      </c>
      <c r="AJ41" s="215">
        <v>9.6000000000000002E-2</v>
      </c>
      <c r="AK41" s="97">
        <v>6.4026505848225239E-3</v>
      </c>
    </row>
    <row r="42" spans="1:85">
      <c r="A42" s="45" t="s">
        <v>428</v>
      </c>
      <c r="B42" s="210">
        <v>2500</v>
      </c>
      <c r="C42" s="214">
        <v>0.17</v>
      </c>
      <c r="D42" s="94">
        <v>1.5031789818833867E-2</v>
      </c>
      <c r="E42" s="214">
        <v>0.13700000000000001</v>
      </c>
      <c r="F42" s="94">
        <v>1.3767330116773087E-2</v>
      </c>
      <c r="G42" s="214">
        <v>0.63200000000000001</v>
      </c>
      <c r="H42" s="94">
        <v>1.9277344516586255E-2</v>
      </c>
      <c r="I42" s="214">
        <v>6.0999999999999999E-2</v>
      </c>
      <c r="J42" s="94">
        <v>9.6167975923817841E-3</v>
      </c>
      <c r="K42" s="210">
        <v>2497</v>
      </c>
      <c r="L42" s="214">
        <v>0.11</v>
      </c>
      <c r="M42" s="94">
        <v>1.2544117193720129E-2</v>
      </c>
      <c r="N42" s="214">
        <v>0.161</v>
      </c>
      <c r="O42" s="94">
        <v>1.4718268883950071E-2</v>
      </c>
      <c r="P42" s="214">
        <v>0.70799999999999996</v>
      </c>
      <c r="Q42" s="94">
        <v>1.8189736101530359E-2</v>
      </c>
      <c r="R42" s="214">
        <v>2.1000000000000001E-2</v>
      </c>
      <c r="S42" s="94">
        <v>5.835589732901725E-3</v>
      </c>
      <c r="T42" s="210">
        <v>2504</v>
      </c>
      <c r="U42" s="214">
        <v>0.26400000000000001</v>
      </c>
      <c r="V42" s="94">
        <v>1.7611866967583829E-2</v>
      </c>
      <c r="W42" s="214">
        <v>0.19500000000000001</v>
      </c>
      <c r="X42" s="94">
        <v>1.5837668029259701E-2</v>
      </c>
      <c r="Y42" s="214">
        <v>0.50900000000000001</v>
      </c>
      <c r="Z42" s="94">
        <v>1.9964851817171229E-2</v>
      </c>
      <c r="AA42" s="214">
        <v>3.3000000000000002E-2</v>
      </c>
      <c r="AB42" s="94">
        <v>7.211335213875787E-3</v>
      </c>
      <c r="AC42" s="210">
        <v>2504</v>
      </c>
      <c r="AD42" s="214">
        <v>0.13400000000000001</v>
      </c>
      <c r="AE42" s="94">
        <v>1.362934674516802E-2</v>
      </c>
      <c r="AF42" s="214">
        <v>0.32500000000000001</v>
      </c>
      <c r="AG42" s="94">
        <v>1.8709250647957639E-2</v>
      </c>
      <c r="AH42" s="214">
        <v>0.50900000000000001</v>
      </c>
      <c r="AI42" s="94">
        <v>1.9964851817171229E-2</v>
      </c>
      <c r="AJ42" s="214">
        <v>3.3000000000000002E-2</v>
      </c>
      <c r="AK42" s="94">
        <v>7.211335213875787E-3</v>
      </c>
    </row>
    <row r="43" spans="1:85">
      <c r="A43" s="49" t="s">
        <v>429</v>
      </c>
      <c r="B43" s="211">
        <v>617</v>
      </c>
      <c r="C43" s="215">
        <v>0.14399999999999999</v>
      </c>
      <c r="D43" s="97">
        <v>2.8362890146516183E-2</v>
      </c>
      <c r="E43" s="215">
        <v>0.13200000000000001</v>
      </c>
      <c r="F43" s="97">
        <v>2.7371715002941513E-2</v>
      </c>
      <c r="G43" s="215">
        <v>0.67900000000000005</v>
      </c>
      <c r="H43" s="97">
        <v>3.7504304607036611E-2</v>
      </c>
      <c r="I43" s="215">
        <v>4.4999999999999998E-2</v>
      </c>
      <c r="J43" s="97">
        <v>1.7144530898341667E-2</v>
      </c>
      <c r="K43" s="211">
        <v>615</v>
      </c>
      <c r="L43" s="215">
        <v>7.3999999999999996E-2</v>
      </c>
      <c r="M43" s="97">
        <v>2.1398870724432719E-2</v>
      </c>
      <c r="N43" s="215">
        <v>0.16500000000000001</v>
      </c>
      <c r="O43" s="97">
        <v>2.9994153183236352E-2</v>
      </c>
      <c r="P43" s="215">
        <v>0.751</v>
      </c>
      <c r="Q43" s="97">
        <v>3.4837318542731983E-2</v>
      </c>
      <c r="R43" s="215">
        <v>8.9999999999999993E-3</v>
      </c>
      <c r="S43" s="97">
        <v>8.8149824519712493E-3</v>
      </c>
      <c r="T43" s="211">
        <v>620</v>
      </c>
      <c r="U43" s="215">
        <v>0.23299999999999998</v>
      </c>
      <c r="V43" s="97">
        <v>3.3932628592112227E-2</v>
      </c>
      <c r="W43" s="215">
        <v>0.19600000000000001</v>
      </c>
      <c r="X43" s="97">
        <v>3.1901794721957304E-2</v>
      </c>
      <c r="Y43" s="215">
        <v>0.52400000000000002</v>
      </c>
      <c r="Z43" s="97">
        <v>3.9986484972148482E-2</v>
      </c>
      <c r="AA43" s="215">
        <v>4.7E-2</v>
      </c>
      <c r="AB43" s="97">
        <v>1.7433656716046263E-2</v>
      </c>
      <c r="AC43" s="211">
        <v>620</v>
      </c>
      <c r="AD43" s="215">
        <v>8.5999999999999993E-2</v>
      </c>
      <c r="AE43" s="97">
        <v>2.2757689840958904E-2</v>
      </c>
      <c r="AF43" s="215">
        <v>0.34299999999999997</v>
      </c>
      <c r="AG43" s="97">
        <v>3.8033891765286348E-2</v>
      </c>
      <c r="AH43" s="215">
        <v>0.52400000000000002</v>
      </c>
      <c r="AI43" s="97">
        <v>3.9986484972148482E-2</v>
      </c>
      <c r="AJ43" s="215">
        <v>4.7E-2</v>
      </c>
      <c r="AK43" s="97">
        <v>1.7433656716046263E-2</v>
      </c>
    </row>
    <row r="44" spans="1:85">
      <c r="A44" s="45" t="s">
        <v>430</v>
      </c>
      <c r="B44" s="210">
        <v>1580</v>
      </c>
      <c r="C44" s="214">
        <v>0.188</v>
      </c>
      <c r="D44" s="94">
        <v>1.9665576215958859E-2</v>
      </c>
      <c r="E44" s="214">
        <v>0.14599999999999999</v>
      </c>
      <c r="F44" s="94">
        <v>1.7789177134976433E-2</v>
      </c>
      <c r="G44" s="214">
        <v>0.6</v>
      </c>
      <c r="H44" s="94">
        <v>2.4620885098511298E-2</v>
      </c>
      <c r="I44" s="214">
        <v>6.6000000000000003E-2</v>
      </c>
      <c r="J44" s="94">
        <v>1.2572425716166617E-2</v>
      </c>
      <c r="K44" s="210">
        <v>1577</v>
      </c>
      <c r="L44" s="214">
        <v>0.124</v>
      </c>
      <c r="M44" s="94">
        <v>1.6632232875752884E-2</v>
      </c>
      <c r="N44" s="214">
        <v>0.16400000000000001</v>
      </c>
      <c r="O44" s="94">
        <v>1.8663404957815075E-2</v>
      </c>
      <c r="P44" s="214">
        <v>0.68600000000000005</v>
      </c>
      <c r="Q44" s="94">
        <v>2.3354314450798452E-2</v>
      </c>
      <c r="R44" s="214">
        <v>2.5999999999999999E-2</v>
      </c>
      <c r="S44" s="94">
        <v>8.1819044526174663E-3</v>
      </c>
      <c r="T44" s="210">
        <v>1582</v>
      </c>
      <c r="U44" s="214">
        <v>0.27600000000000002</v>
      </c>
      <c r="V44" s="94">
        <v>2.2463464826171755E-2</v>
      </c>
      <c r="W44" s="214">
        <v>0.192</v>
      </c>
      <c r="X44" s="94">
        <v>1.9810826871741533E-2</v>
      </c>
      <c r="Y44" s="214">
        <v>0.50800000000000001</v>
      </c>
      <c r="Z44" s="94">
        <v>2.5106899943256926E-2</v>
      </c>
      <c r="AA44" s="214">
        <v>2.5000000000000001E-2</v>
      </c>
      <c r="AB44" s="94">
        <v>8.0213536052776233E-3</v>
      </c>
      <c r="AC44" s="210">
        <v>1582</v>
      </c>
      <c r="AD44" s="214">
        <v>0.151</v>
      </c>
      <c r="AE44" s="94">
        <v>1.8024265980310122E-2</v>
      </c>
      <c r="AF44" s="214">
        <v>0.317</v>
      </c>
      <c r="AG44" s="94">
        <v>2.3376932727708147E-2</v>
      </c>
      <c r="AH44" s="214">
        <v>0.50800000000000001</v>
      </c>
      <c r="AI44" s="94">
        <v>2.5106899943256926E-2</v>
      </c>
      <c r="AJ44" s="214">
        <v>2.5000000000000001E-2</v>
      </c>
      <c r="AK44" s="94">
        <v>8.0213536052776233E-3</v>
      </c>
    </row>
    <row r="45" spans="1:85">
      <c r="A45" s="49" t="s">
        <v>431</v>
      </c>
      <c r="B45" s="211">
        <v>240</v>
      </c>
      <c r="C45" s="215">
        <v>0.19</v>
      </c>
      <c r="D45" s="97">
        <v>5.0736379627713636E-2</v>
      </c>
      <c r="E45" s="215">
        <v>0.128</v>
      </c>
      <c r="F45" s="97">
        <v>4.3629586578409998E-2</v>
      </c>
      <c r="G45" s="215">
        <v>0.64200000000000002</v>
      </c>
      <c r="H45" s="97">
        <v>6.1469930777963366E-2</v>
      </c>
      <c r="I45" s="215">
        <v>0.04</v>
      </c>
      <c r="J45" s="97">
        <v>2.7245345063168527E-2</v>
      </c>
      <c r="K45" s="211">
        <v>240</v>
      </c>
      <c r="L45" s="215">
        <v>0.10199999999999999</v>
      </c>
      <c r="M45" s="97">
        <v>3.9824822042491777E-2</v>
      </c>
      <c r="N45" s="215">
        <v>0.17499999999999999</v>
      </c>
      <c r="O45" s="97">
        <v>4.9225098317694713E-2</v>
      </c>
      <c r="P45" s="215">
        <v>0.71599999999999997</v>
      </c>
      <c r="Q45" s="97">
        <v>5.7951529542203055E-2</v>
      </c>
      <c r="R45" s="215">
        <v>7.0000000000000001E-3</v>
      </c>
      <c r="S45" s="97">
        <v>1.5605012581658688E-2</v>
      </c>
      <c r="T45" s="211">
        <v>240</v>
      </c>
      <c r="U45" s="215">
        <v>0.24399999999999999</v>
      </c>
      <c r="V45" s="97">
        <v>5.5307650560476922E-2</v>
      </c>
      <c r="W45" s="215">
        <v>0.25900000000000001</v>
      </c>
      <c r="X45" s="97">
        <v>5.6366436662819992E-2</v>
      </c>
      <c r="Y45" s="215">
        <v>0.44900000000000001</v>
      </c>
      <c r="Z45" s="97">
        <v>6.3695430477027054E-2</v>
      </c>
      <c r="AA45" s="215">
        <v>4.8000000000000001E-2</v>
      </c>
      <c r="AB45" s="97">
        <v>2.9292080878223613E-2</v>
      </c>
      <c r="AC45" s="211">
        <v>240</v>
      </c>
      <c r="AD45" s="215">
        <v>0.125</v>
      </c>
      <c r="AE45" s="97">
        <v>4.3220339678526475E-2</v>
      </c>
      <c r="AF45" s="215">
        <v>0.378</v>
      </c>
      <c r="AG45" s="97">
        <v>6.2147365848981992E-2</v>
      </c>
      <c r="AH45" s="215">
        <v>0.44900000000000001</v>
      </c>
      <c r="AI45" s="97">
        <v>6.3695430477027054E-2</v>
      </c>
      <c r="AJ45" s="215">
        <v>4.8000000000000001E-2</v>
      </c>
      <c r="AK45" s="97">
        <v>2.9292080878223613E-2</v>
      </c>
    </row>
    <row r="46" spans="1:85">
      <c r="A46" s="45" t="s">
        <v>432</v>
      </c>
      <c r="B46" s="210">
        <v>552</v>
      </c>
      <c r="C46" s="214">
        <v>0.16800000000000001</v>
      </c>
      <c r="D46" s="94">
        <v>3.1889676274701677E-2</v>
      </c>
      <c r="E46" s="214">
        <v>0.13800000000000001</v>
      </c>
      <c r="F46" s="94">
        <v>2.9484143124613012E-2</v>
      </c>
      <c r="G46" s="214">
        <v>0.63700000000000001</v>
      </c>
      <c r="H46" s="94">
        <v>4.0810148805116249E-2</v>
      </c>
      <c r="I46" s="214">
        <v>5.8000000000000003E-2</v>
      </c>
      <c r="J46" s="94">
        <v>2.0327689822782168E-2</v>
      </c>
      <c r="K46" s="210">
        <v>549</v>
      </c>
      <c r="L46" s="214">
        <v>0.113</v>
      </c>
      <c r="M46" s="94">
        <v>2.7214213416836209E-2</v>
      </c>
      <c r="N46" s="214">
        <v>0.16300000000000001</v>
      </c>
      <c r="O46" s="94">
        <v>3.1601955809432959E-2</v>
      </c>
      <c r="P46" s="214">
        <v>0.69699999999999995</v>
      </c>
      <c r="Q46" s="94">
        <v>3.9136280803973848E-2</v>
      </c>
      <c r="R46" s="214">
        <v>2.5999999999999999E-2</v>
      </c>
      <c r="S46" s="94">
        <v>1.4373607170448863E-2</v>
      </c>
      <c r="T46" s="210">
        <v>556</v>
      </c>
      <c r="U46" s="214">
        <v>0.27</v>
      </c>
      <c r="V46" s="94">
        <v>3.759302892312829E-2</v>
      </c>
      <c r="W46" s="214">
        <v>0.17</v>
      </c>
      <c r="X46" s="94">
        <v>3.1920678269206325E-2</v>
      </c>
      <c r="Y46" s="214">
        <v>0.53300000000000003</v>
      </c>
      <c r="Z46" s="94">
        <v>4.2166887955702927E-2</v>
      </c>
      <c r="AA46" s="214">
        <v>2.7E-2</v>
      </c>
      <c r="AB46" s="94">
        <v>1.4505101030457873E-2</v>
      </c>
      <c r="AC46" s="210">
        <v>556</v>
      </c>
      <c r="AD46" s="214">
        <v>0.13700000000000001</v>
      </c>
      <c r="AE46" s="94">
        <v>2.929001431223752E-2</v>
      </c>
      <c r="AF46" s="214">
        <v>0.30300000000000005</v>
      </c>
      <c r="AG46" s="94">
        <v>3.889027001290149E-2</v>
      </c>
      <c r="AH46" s="214">
        <v>0.53300000000000003</v>
      </c>
      <c r="AI46" s="94">
        <v>4.2166887955702927E-2</v>
      </c>
      <c r="AJ46" s="214">
        <v>2.7E-2</v>
      </c>
      <c r="AK46" s="94">
        <v>1.4505101030457873E-2</v>
      </c>
    </row>
    <row r="47" spans="1:85">
      <c r="A47" s="49" t="s">
        <v>433</v>
      </c>
      <c r="B47" s="211">
        <v>715</v>
      </c>
      <c r="C47" s="215">
        <v>0.17199999999999999</v>
      </c>
      <c r="D47" s="97">
        <v>2.8265550876042444E-2</v>
      </c>
      <c r="E47" s="215">
        <v>0.154</v>
      </c>
      <c r="F47" s="97">
        <v>2.7059129874364408E-2</v>
      </c>
      <c r="G47" s="215">
        <v>0.61599999999999999</v>
      </c>
      <c r="H47" s="97">
        <v>3.6287624191767252E-2</v>
      </c>
      <c r="I47" s="215">
        <v>5.8000000000000003E-2</v>
      </c>
      <c r="J47" s="97">
        <v>1.7776808764966404E-2</v>
      </c>
      <c r="K47" s="211">
        <v>719</v>
      </c>
      <c r="L47" s="215">
        <v>0.123</v>
      </c>
      <c r="M47" s="97">
        <v>2.4606368076683181E-2</v>
      </c>
      <c r="N47" s="215">
        <v>0.16700000000000001</v>
      </c>
      <c r="O47" s="97">
        <v>2.7863984338411366E-2</v>
      </c>
      <c r="P47" s="215">
        <v>0.69299999999999995</v>
      </c>
      <c r="Q47" s="97">
        <v>3.4341223251384875E-2</v>
      </c>
      <c r="R47" s="215">
        <v>1.6E-2</v>
      </c>
      <c r="S47" s="97">
        <v>1.0069983061325932E-2</v>
      </c>
      <c r="T47" s="211">
        <v>716</v>
      </c>
      <c r="U47" s="215">
        <v>0.26100000000000001</v>
      </c>
      <c r="V47" s="97">
        <v>3.2788202043481589E-2</v>
      </c>
      <c r="W47" s="215">
        <v>0.186</v>
      </c>
      <c r="X47" s="97">
        <v>2.9106744925140191E-2</v>
      </c>
      <c r="Y47" s="215">
        <v>0.52800000000000002</v>
      </c>
      <c r="Z47" s="97">
        <v>3.7209966325761901E-2</v>
      </c>
      <c r="AA47" s="215">
        <v>2.5000000000000001E-2</v>
      </c>
      <c r="AB47" s="97">
        <v>1.2219060863593529E-2</v>
      </c>
      <c r="AC47" s="211">
        <v>716</v>
      </c>
      <c r="AD47" s="215">
        <v>0.13600000000000001</v>
      </c>
      <c r="AE47" s="97">
        <v>2.5709065456356671E-2</v>
      </c>
      <c r="AF47" s="215">
        <v>0.311</v>
      </c>
      <c r="AG47" s="97">
        <v>3.4534587935704242E-2</v>
      </c>
      <c r="AH47" s="215">
        <v>0.52800000000000002</v>
      </c>
      <c r="AI47" s="97">
        <v>3.7209966325761901E-2</v>
      </c>
      <c r="AJ47" s="215">
        <v>2.5000000000000001E-2</v>
      </c>
      <c r="AK47" s="97">
        <v>1.2219060863593529E-2</v>
      </c>
    </row>
    <row r="48" spans="1:85">
      <c r="A48" s="45" t="s">
        <v>434</v>
      </c>
      <c r="B48" s="210">
        <v>971</v>
      </c>
      <c r="C48" s="214">
        <v>0.158</v>
      </c>
      <c r="D48" s="94">
        <v>2.3446063448758523E-2</v>
      </c>
      <c r="E48" s="214">
        <v>0.125</v>
      </c>
      <c r="F48" s="94">
        <v>2.1294176817094997E-2</v>
      </c>
      <c r="G48" s="214">
        <v>0.63600000000000001</v>
      </c>
      <c r="H48" s="94">
        <v>3.0828255487259315E-2</v>
      </c>
      <c r="I48" s="214">
        <v>8.1000000000000003E-2</v>
      </c>
      <c r="J48" s="94">
        <v>1.7643366809345737E-2</v>
      </c>
      <c r="K48" s="210">
        <v>967</v>
      </c>
      <c r="L48" s="214">
        <v>9.9000000000000005E-2</v>
      </c>
      <c r="M48" s="94">
        <v>1.9310578758633606E-2</v>
      </c>
      <c r="N48" s="214">
        <v>0.14399999999999999</v>
      </c>
      <c r="O48" s="94">
        <v>2.2629057101264696E-2</v>
      </c>
      <c r="P48" s="214">
        <v>0.73099999999999998</v>
      </c>
      <c r="Q48" s="94">
        <v>2.8493064323231319E-2</v>
      </c>
      <c r="R48" s="214">
        <v>2.5999999999999999E-2</v>
      </c>
      <c r="S48" s="94">
        <v>1.0579749976981285E-2</v>
      </c>
      <c r="T48" s="210">
        <v>970</v>
      </c>
      <c r="U48" s="214">
        <v>0.27</v>
      </c>
      <c r="V48" s="94">
        <v>2.8482034737514497E-2</v>
      </c>
      <c r="W48" s="214">
        <v>0.19400000000000001</v>
      </c>
      <c r="X48" s="94">
        <v>2.5402832948500768E-2</v>
      </c>
      <c r="Y48" s="214">
        <v>0.498</v>
      </c>
      <c r="Z48" s="94">
        <v>3.2041812569167293E-2</v>
      </c>
      <c r="AA48" s="214">
        <v>3.7999999999999999E-2</v>
      </c>
      <c r="AB48" s="94">
        <v>1.2542418148247653E-2</v>
      </c>
      <c r="AC48" s="210">
        <v>970</v>
      </c>
      <c r="AD48" s="214">
        <v>0.13400000000000001</v>
      </c>
      <c r="AE48" s="94">
        <v>2.1933443786751102E-2</v>
      </c>
      <c r="AF48" s="214">
        <v>0.33</v>
      </c>
      <c r="AG48" s="94">
        <v>3.0149312498561662E-2</v>
      </c>
      <c r="AH48" s="214">
        <v>0.498</v>
      </c>
      <c r="AI48" s="94">
        <v>3.2041812569167293E-2</v>
      </c>
      <c r="AJ48" s="214">
        <v>3.7999999999999999E-2</v>
      </c>
      <c r="AK48" s="94">
        <v>1.2542418148247653E-2</v>
      </c>
    </row>
    <row r="49" spans="1:37">
      <c r="A49" s="49" t="s">
        <v>435</v>
      </c>
      <c r="B49" s="211">
        <v>739</v>
      </c>
      <c r="C49" s="215">
        <v>0.17299999999999999</v>
      </c>
      <c r="D49" s="97">
        <v>2.7864237541991788E-2</v>
      </c>
      <c r="E49" s="215">
        <v>0.14499999999999999</v>
      </c>
      <c r="F49" s="97">
        <v>2.5975273342589929E-2</v>
      </c>
      <c r="G49" s="215">
        <v>0.63700000000000001</v>
      </c>
      <c r="H49" s="97">
        <v>3.5297813508542476E-2</v>
      </c>
      <c r="I49" s="215">
        <v>4.4999999999999998E-2</v>
      </c>
      <c r="J49" s="97">
        <v>1.5598956230468629E-2</v>
      </c>
      <c r="K49" s="211">
        <v>731</v>
      </c>
      <c r="L49" s="215">
        <v>0.12</v>
      </c>
      <c r="M49" s="97">
        <v>2.4150032626980636E-2</v>
      </c>
      <c r="N49" s="215">
        <v>0.13800000000000001</v>
      </c>
      <c r="O49" s="97">
        <v>2.5595327813831913E-2</v>
      </c>
      <c r="P49" s="215">
        <v>0.72799999999999998</v>
      </c>
      <c r="Q49" s="97">
        <v>3.2874138264569773E-2</v>
      </c>
      <c r="R49" s="215">
        <v>1.4E-2</v>
      </c>
      <c r="S49" s="97">
        <v>9.4380458403720124E-3</v>
      </c>
      <c r="T49" s="211">
        <v>739</v>
      </c>
      <c r="U49" s="215">
        <v>0.28000000000000003</v>
      </c>
      <c r="V49" s="97">
        <v>3.298678129784504E-2</v>
      </c>
      <c r="W49" s="215">
        <v>0.20200000000000001</v>
      </c>
      <c r="X49" s="97">
        <v>2.9545648063025523E-2</v>
      </c>
      <c r="Y49" s="215">
        <v>0.49099999999999999</v>
      </c>
      <c r="Z49" s="97">
        <v>3.6680562056744484E-2</v>
      </c>
      <c r="AA49" s="215">
        <v>2.7E-2</v>
      </c>
      <c r="AB49" s="97">
        <v>1.2424402171887321E-2</v>
      </c>
      <c r="AC49" s="211">
        <v>739</v>
      </c>
      <c r="AD49" s="215">
        <v>0.155</v>
      </c>
      <c r="AE49" s="97">
        <v>2.6683238501508361E-2</v>
      </c>
      <c r="AF49" s="215">
        <v>0.32700000000000001</v>
      </c>
      <c r="AG49" s="97">
        <v>3.4445609917140518E-2</v>
      </c>
      <c r="AH49" s="215">
        <v>0.49099999999999999</v>
      </c>
      <c r="AI49" s="97">
        <v>3.6680562056744484E-2</v>
      </c>
      <c r="AJ49" s="215">
        <v>2.7E-2</v>
      </c>
      <c r="AK49" s="97">
        <v>1.2424402171887321E-2</v>
      </c>
    </row>
    <row r="50" spans="1:37">
      <c r="A50" s="45" t="s">
        <v>436</v>
      </c>
      <c r="B50" s="210">
        <v>134</v>
      </c>
      <c r="C50" s="214">
        <v>0.22600000000000001</v>
      </c>
      <c r="D50" s="94">
        <v>7.2073464143282875E-2</v>
      </c>
      <c r="E50" s="214">
        <v>9.5000000000000001E-2</v>
      </c>
      <c r="F50" s="94">
        <v>5.2570418879108245E-2</v>
      </c>
      <c r="G50" s="214">
        <v>0.61599999999999999</v>
      </c>
      <c r="H50" s="94">
        <v>8.2937509701281178E-2</v>
      </c>
      <c r="I50" s="214">
        <v>6.3E-2</v>
      </c>
      <c r="J50" s="94">
        <v>4.5025346234567401E-2</v>
      </c>
      <c r="K50" s="210">
        <v>134</v>
      </c>
      <c r="L50" s="214">
        <v>6.3E-2</v>
      </c>
      <c r="M50" s="94">
        <v>4.5025346234567401E-2</v>
      </c>
      <c r="N50" s="214">
        <v>0.14000000000000001</v>
      </c>
      <c r="O50" s="94">
        <v>6.0864344001472399E-2</v>
      </c>
      <c r="P50" s="214">
        <v>0.77600000000000002</v>
      </c>
      <c r="Q50" s="94">
        <v>7.186460699906759E-2</v>
      </c>
      <c r="R50" s="214">
        <v>0.02</v>
      </c>
      <c r="S50" s="94">
        <v>3.0816403010434562E-2</v>
      </c>
      <c r="T50" s="210">
        <v>133</v>
      </c>
      <c r="U50" s="214">
        <v>0.23299999999999998</v>
      </c>
      <c r="V50" s="94">
        <v>7.3058938234396742E-2</v>
      </c>
      <c r="W50" s="214">
        <v>0.23599999999999999</v>
      </c>
      <c r="X50" s="94">
        <v>7.3358319815740577E-2</v>
      </c>
      <c r="Y50" s="214">
        <v>0.46799999999999997</v>
      </c>
      <c r="Z50" s="94">
        <v>8.5270702080688321E-2</v>
      </c>
      <c r="AA50" s="214">
        <v>6.3E-2</v>
      </c>
      <c r="AB50" s="94">
        <v>4.5214712160628993E-2</v>
      </c>
      <c r="AC50" s="210">
        <v>133</v>
      </c>
      <c r="AD50" s="214">
        <v>7.5999999999999998E-2</v>
      </c>
      <c r="AE50" s="94">
        <v>4.8501219807594517E-2</v>
      </c>
      <c r="AF50" s="214">
        <v>0.39300000000000002</v>
      </c>
      <c r="AG50" s="94">
        <v>8.3571691295688366E-2</v>
      </c>
      <c r="AH50" s="214">
        <v>0.46799999999999997</v>
      </c>
      <c r="AI50" s="94">
        <v>8.5270702080688321E-2</v>
      </c>
      <c r="AJ50" s="214">
        <v>6.3E-2</v>
      </c>
      <c r="AK50" s="94">
        <v>4.5214712160628993E-2</v>
      </c>
    </row>
    <row r="51" spans="1:37">
      <c r="A51" s="49" t="s">
        <v>437</v>
      </c>
      <c r="B51" s="211">
        <v>153</v>
      </c>
      <c r="C51" s="215">
        <v>0.123</v>
      </c>
      <c r="D51" s="97">
        <v>5.4133824310385617E-2</v>
      </c>
      <c r="E51" s="215">
        <v>0.153</v>
      </c>
      <c r="F51" s="97">
        <v>5.8787825623823398E-2</v>
      </c>
      <c r="G51" s="215">
        <v>0.621</v>
      </c>
      <c r="H51" s="97">
        <v>7.755754543982156E-2</v>
      </c>
      <c r="I51" s="215">
        <v>0.10299999999999999</v>
      </c>
      <c r="J51" s="97">
        <v>5.0556073607154951E-2</v>
      </c>
      <c r="K51" s="211">
        <v>155</v>
      </c>
      <c r="L51" s="215">
        <v>9.4E-2</v>
      </c>
      <c r="M51" s="97">
        <v>4.8461438411834909E-2</v>
      </c>
      <c r="N51" s="215">
        <v>0.17499999999999999</v>
      </c>
      <c r="O51" s="97">
        <v>6.1352188130171979E-2</v>
      </c>
      <c r="P51" s="215">
        <v>0.71699999999999997</v>
      </c>
      <c r="Q51" s="97">
        <v>7.1857730837788666E-2</v>
      </c>
      <c r="R51" s="215">
        <v>1.4E-2</v>
      </c>
      <c r="S51" s="97">
        <v>2.5347194277709019E-2</v>
      </c>
      <c r="T51" s="211">
        <v>152</v>
      </c>
      <c r="U51" s="215">
        <v>0.23299999999999998</v>
      </c>
      <c r="V51" s="97">
        <v>6.8373029682643235E-2</v>
      </c>
      <c r="W51" s="215">
        <v>0.183</v>
      </c>
      <c r="X51" s="97">
        <v>6.2960755854428244E-2</v>
      </c>
      <c r="Y51" s="215">
        <v>0.54300000000000004</v>
      </c>
      <c r="Z51" s="97">
        <v>7.9782493559648726E-2</v>
      </c>
      <c r="AA51" s="215">
        <v>4.1000000000000002E-2</v>
      </c>
      <c r="AB51" s="97">
        <v>3.5800243178251021E-2</v>
      </c>
      <c r="AC51" s="211">
        <v>152</v>
      </c>
      <c r="AD51" s="215">
        <v>7.1999999999999995E-2</v>
      </c>
      <c r="AE51" s="97">
        <v>4.4170304076774219E-2</v>
      </c>
      <c r="AF51" s="215">
        <v>0.34399999999999997</v>
      </c>
      <c r="AG51" s="97">
        <v>7.6274806809628518E-2</v>
      </c>
      <c r="AH51" s="215">
        <v>0.54300000000000004</v>
      </c>
      <c r="AI51" s="97">
        <v>7.9782493559648726E-2</v>
      </c>
      <c r="AJ51" s="215">
        <v>4.1000000000000002E-2</v>
      </c>
      <c r="AK51" s="97">
        <v>3.5800243178251021E-2</v>
      </c>
    </row>
    <row r="52" spans="1:37">
      <c r="A52" s="45" t="s">
        <v>438</v>
      </c>
      <c r="B52" s="210">
        <v>254</v>
      </c>
      <c r="C52" s="214">
        <v>0.13800000000000001</v>
      </c>
      <c r="D52" s="94">
        <v>4.3666793439024625E-2</v>
      </c>
      <c r="E52" s="214">
        <v>0.14699999999999999</v>
      </c>
      <c r="F52" s="94">
        <v>4.4760325156718642E-2</v>
      </c>
      <c r="G52" s="214">
        <v>0.65600000000000003</v>
      </c>
      <c r="H52" s="94">
        <v>5.9247576080036848E-2</v>
      </c>
      <c r="I52" s="214">
        <v>5.8000000000000003E-2</v>
      </c>
      <c r="J52" s="94">
        <v>3.0663676658679365E-2</v>
      </c>
      <c r="K52" s="210">
        <v>255</v>
      </c>
      <c r="L52" s="214">
        <v>0.10100000000000001</v>
      </c>
      <c r="M52" s="94">
        <v>3.8440332977575951E-2</v>
      </c>
      <c r="N52" s="214">
        <v>0.13900000000000001</v>
      </c>
      <c r="O52" s="94">
        <v>4.3703683740642464E-2</v>
      </c>
      <c r="P52" s="214">
        <v>0.73599999999999999</v>
      </c>
      <c r="Q52" s="94">
        <v>5.5019976055225552E-2</v>
      </c>
      <c r="R52" s="214">
        <v>2.4E-2</v>
      </c>
      <c r="S52" s="94">
        <v>2.1656655328024254E-2</v>
      </c>
      <c r="T52" s="210">
        <v>256</v>
      </c>
      <c r="U52" s="214">
        <v>0.24199999999999999</v>
      </c>
      <c r="V52" s="94">
        <v>5.3416846706464273E-2</v>
      </c>
      <c r="W52" s="214">
        <v>0.21199999999999999</v>
      </c>
      <c r="X52" s="94">
        <v>5.1078896946247135E-2</v>
      </c>
      <c r="Y52" s="214">
        <v>0.50600000000000001</v>
      </c>
      <c r="Z52" s="94">
        <v>6.201303822852313E-2</v>
      </c>
      <c r="AA52" s="214">
        <v>4.1000000000000002E-2</v>
      </c>
      <c r="AB52" s="94">
        <v>2.6530570750405748E-2</v>
      </c>
      <c r="AC52" s="210">
        <v>256</v>
      </c>
      <c r="AD52" s="214">
        <v>0.12</v>
      </c>
      <c r="AE52" s="94">
        <v>4.113933162171321E-2</v>
      </c>
      <c r="AF52" s="214">
        <v>0.33399999999999996</v>
      </c>
      <c r="AG52" s="94">
        <v>5.8610232080295879E-2</v>
      </c>
      <c r="AH52" s="214">
        <v>0.50600000000000001</v>
      </c>
      <c r="AI52" s="94">
        <v>6.201303822852313E-2</v>
      </c>
      <c r="AJ52" s="214">
        <v>4.1000000000000002E-2</v>
      </c>
      <c r="AK52" s="94">
        <v>2.6530570750405748E-2</v>
      </c>
    </row>
    <row r="53" spans="1:37">
      <c r="A53" s="49" t="s">
        <v>439</v>
      </c>
      <c r="B53" s="211">
        <v>404</v>
      </c>
      <c r="C53" s="215">
        <v>0.17299999999999999</v>
      </c>
      <c r="D53" s="97">
        <v>3.7724149619070092E-2</v>
      </c>
      <c r="E53" s="215">
        <v>0.126</v>
      </c>
      <c r="F53" s="97">
        <v>3.3262653824274929E-2</v>
      </c>
      <c r="G53" s="215">
        <v>0.621</v>
      </c>
      <c r="H53" s="97">
        <v>4.8064975547216386E-2</v>
      </c>
      <c r="I53" s="215">
        <v>0.08</v>
      </c>
      <c r="J53" s="97">
        <v>2.7482948102291401E-2</v>
      </c>
      <c r="K53" s="211">
        <v>404</v>
      </c>
      <c r="L53" s="215">
        <v>0.124</v>
      </c>
      <c r="M53" s="97">
        <v>3.3045199261488488E-2</v>
      </c>
      <c r="N53" s="215">
        <v>0.16300000000000001</v>
      </c>
      <c r="O53" s="97">
        <v>3.6868463493716183E-2</v>
      </c>
      <c r="P53" s="215">
        <v>0.69799999999999995</v>
      </c>
      <c r="Q53" s="97">
        <v>4.5542582715031872E-2</v>
      </c>
      <c r="R53" s="215">
        <v>1.4E-2</v>
      </c>
      <c r="S53" s="97">
        <v>1.3435609582667252E-2</v>
      </c>
      <c r="T53" s="211">
        <v>407</v>
      </c>
      <c r="U53" s="215">
        <v>0.23599999999999999</v>
      </c>
      <c r="V53" s="97">
        <v>4.2046667574964613E-2</v>
      </c>
      <c r="W53" s="215">
        <v>0.17</v>
      </c>
      <c r="X53" s="97">
        <v>3.7333167337345131E-2</v>
      </c>
      <c r="Y53" s="215">
        <v>0.56600000000000006</v>
      </c>
      <c r="Z53" s="97">
        <v>4.8903139354188628E-2</v>
      </c>
      <c r="AA53" s="215">
        <v>2.7E-2</v>
      </c>
      <c r="AB53" s="97">
        <v>1.7258484576425075E-2</v>
      </c>
      <c r="AC53" s="211">
        <v>407</v>
      </c>
      <c r="AD53" s="215">
        <v>0.13400000000000001</v>
      </c>
      <c r="AE53" s="97">
        <v>3.3979917913886645E-2</v>
      </c>
      <c r="AF53" s="215">
        <v>0.27200000000000002</v>
      </c>
      <c r="AG53" s="97">
        <v>4.4010939820138803E-2</v>
      </c>
      <c r="AH53" s="215">
        <v>0.56600000000000006</v>
      </c>
      <c r="AI53" s="97">
        <v>4.8903139354188628E-2</v>
      </c>
      <c r="AJ53" s="215">
        <v>2.7E-2</v>
      </c>
      <c r="AK53" s="97">
        <v>1.7258484576425075E-2</v>
      </c>
    </row>
    <row r="54" spans="1:37">
      <c r="A54" s="45" t="s">
        <v>440</v>
      </c>
      <c r="B54" s="210">
        <v>405</v>
      </c>
      <c r="C54" s="214">
        <v>0.16500000000000001</v>
      </c>
      <c r="D54" s="94">
        <v>3.699724115665811E-2</v>
      </c>
      <c r="E54" s="214">
        <v>0.156</v>
      </c>
      <c r="F54" s="94">
        <v>3.6196600098472052E-2</v>
      </c>
      <c r="G54" s="214">
        <v>0.622</v>
      </c>
      <c r="H54" s="94">
        <v>4.7981832948352905E-2</v>
      </c>
      <c r="I54" s="214">
        <v>5.6000000000000001E-2</v>
      </c>
      <c r="J54" s="94">
        <v>2.3548546397088629E-2</v>
      </c>
      <c r="K54" s="210">
        <v>408</v>
      </c>
      <c r="L54" s="214">
        <v>9.7000000000000003E-2</v>
      </c>
      <c r="M54" s="94">
        <v>2.9679397615382526E-2</v>
      </c>
      <c r="N54" s="214">
        <v>0.20899999999999999</v>
      </c>
      <c r="O54" s="94">
        <v>4.0260716991589597E-2</v>
      </c>
      <c r="P54" s="214">
        <v>0.66400000000000003</v>
      </c>
      <c r="Q54" s="94">
        <v>4.6595107583216576E-2</v>
      </c>
      <c r="R54" s="214">
        <v>0.03</v>
      </c>
      <c r="S54" s="94">
        <v>1.7999055650717855E-2</v>
      </c>
      <c r="T54" s="210">
        <v>407</v>
      </c>
      <c r="U54" s="214">
        <v>0.25700000000000001</v>
      </c>
      <c r="V54" s="94">
        <v>4.3238126278684709E-2</v>
      </c>
      <c r="W54" s="214">
        <v>0.186</v>
      </c>
      <c r="X54" s="94">
        <v>3.8627776984779427E-2</v>
      </c>
      <c r="Y54" s="214">
        <v>0.53300000000000003</v>
      </c>
      <c r="Z54" s="94">
        <v>4.9220897776472684E-2</v>
      </c>
      <c r="AA54" s="214">
        <v>2.5000000000000001E-2</v>
      </c>
      <c r="AB54" s="94">
        <v>1.6726032438707718E-2</v>
      </c>
      <c r="AC54" s="210">
        <v>407</v>
      </c>
      <c r="AD54" s="214">
        <v>0.112</v>
      </c>
      <c r="AE54" s="94">
        <v>3.1564561341804159E-2</v>
      </c>
      <c r="AF54" s="214">
        <v>0.33099999999999996</v>
      </c>
      <c r="AG54" s="94">
        <v>4.6481268142816001E-2</v>
      </c>
      <c r="AH54" s="214">
        <v>0.53300000000000003</v>
      </c>
      <c r="AI54" s="94">
        <v>4.9220897776472684E-2</v>
      </c>
      <c r="AJ54" s="214">
        <v>2.5000000000000001E-2</v>
      </c>
      <c r="AK54" s="94">
        <v>1.6726032438707718E-2</v>
      </c>
    </row>
    <row r="55" spans="1:37">
      <c r="A55" s="49" t="s">
        <v>441</v>
      </c>
      <c r="B55" s="211">
        <v>280</v>
      </c>
      <c r="C55" s="215">
        <v>0.21299999999999999</v>
      </c>
      <c r="D55" s="97">
        <v>4.8922893299961363E-2</v>
      </c>
      <c r="E55" s="215">
        <v>9.2999999999999999E-2</v>
      </c>
      <c r="F55" s="97">
        <v>3.5401979070348498E-2</v>
      </c>
      <c r="G55" s="215">
        <v>0.63800000000000001</v>
      </c>
      <c r="H55" s="97">
        <v>5.7099946089410505E-2</v>
      </c>
      <c r="I55" s="215">
        <v>5.6000000000000001E-2</v>
      </c>
      <c r="J55" s="97">
        <v>2.8674477102463888E-2</v>
      </c>
      <c r="K55" s="211">
        <v>276</v>
      </c>
      <c r="L55" s="215">
        <v>0.11700000000000001</v>
      </c>
      <c r="M55" s="97">
        <v>3.9183119134046568E-2</v>
      </c>
      <c r="N55" s="215">
        <v>0.17799999999999999</v>
      </c>
      <c r="O55" s="97">
        <v>4.6176252400062588E-2</v>
      </c>
      <c r="P55" s="215">
        <v>0.65900000000000003</v>
      </c>
      <c r="Q55" s="97">
        <v>5.6749594699365684E-2</v>
      </c>
      <c r="R55" s="215">
        <v>4.5999999999999999E-2</v>
      </c>
      <c r="S55" s="97">
        <v>2.6654124334206209E-2</v>
      </c>
      <c r="T55" s="211">
        <v>279</v>
      </c>
      <c r="U55" s="215">
        <v>0.318</v>
      </c>
      <c r="V55" s="97">
        <v>5.5484470823076559E-2</v>
      </c>
      <c r="W55" s="215">
        <v>0.18099999999999999</v>
      </c>
      <c r="X55" s="97">
        <v>4.6212798077320358E-2</v>
      </c>
      <c r="Y55" s="215">
        <v>0.47299999999999998</v>
      </c>
      <c r="Z55" s="97">
        <v>5.9359533649920346E-2</v>
      </c>
      <c r="AA55" s="215">
        <v>2.9000000000000001E-2</v>
      </c>
      <c r="AB55" s="97">
        <v>2.2045825956757782E-2</v>
      </c>
      <c r="AC55" s="211">
        <v>279</v>
      </c>
      <c r="AD55" s="215">
        <v>0.155</v>
      </c>
      <c r="AE55" s="97">
        <v>4.3571295015443171E-2</v>
      </c>
      <c r="AF55" s="215">
        <v>0.34399999999999997</v>
      </c>
      <c r="AG55" s="97">
        <v>5.6561930993926479E-2</v>
      </c>
      <c r="AH55" s="215">
        <v>0.47299999999999998</v>
      </c>
      <c r="AI55" s="97">
        <v>5.9359533649920346E-2</v>
      </c>
      <c r="AJ55" s="215">
        <v>2.9000000000000001E-2</v>
      </c>
      <c r="AK55" s="97">
        <v>2.2045825956757782E-2</v>
      </c>
    </row>
    <row r="56" spans="1:37">
      <c r="A56" s="45" t="s">
        <v>442</v>
      </c>
      <c r="B56" s="210">
        <v>768</v>
      </c>
      <c r="C56" s="214">
        <v>0.16400000000000001</v>
      </c>
      <c r="D56" s="94">
        <v>2.6766198997107814E-2</v>
      </c>
      <c r="E56" s="214">
        <v>0.14299999999999999</v>
      </c>
      <c r="F56" s="94">
        <v>2.5333863295060068E-2</v>
      </c>
      <c r="G56" s="214">
        <v>0.63500000000000001</v>
      </c>
      <c r="H56" s="94">
        <v>3.4668180661927103E-2</v>
      </c>
      <c r="I56" s="214">
        <v>5.8000000000000003E-2</v>
      </c>
      <c r="J56" s="94">
        <v>1.7133316421308203E-2</v>
      </c>
      <c r="K56" s="210">
        <v>764</v>
      </c>
      <c r="L56" s="214">
        <v>0.122</v>
      </c>
      <c r="M56" s="94">
        <v>2.3782926629841071E-2</v>
      </c>
      <c r="N56" s="214">
        <v>0.17</v>
      </c>
      <c r="O56" s="94">
        <v>2.7217432842071922E-2</v>
      </c>
      <c r="P56" s="214">
        <v>0.68500000000000005</v>
      </c>
      <c r="Q56" s="94">
        <v>3.3551156680579709E-2</v>
      </c>
      <c r="R56" s="214">
        <v>2.3E-2</v>
      </c>
      <c r="S56" s="94">
        <v>1.137315040614191E-2</v>
      </c>
      <c r="T56" s="210">
        <v>770</v>
      </c>
      <c r="U56" s="214">
        <v>0.32400000000000001</v>
      </c>
      <c r="V56" s="94">
        <v>3.3668342737768385E-2</v>
      </c>
      <c r="W56" s="214">
        <v>0.19400000000000001</v>
      </c>
      <c r="X56" s="94">
        <v>2.8514406635032848E-2</v>
      </c>
      <c r="Y56" s="214">
        <v>0.45300000000000001</v>
      </c>
      <c r="Z56" s="94">
        <v>3.578674801598767E-2</v>
      </c>
      <c r="AA56" s="214">
        <v>2.9000000000000001E-2</v>
      </c>
      <c r="AB56" s="94">
        <v>1.2543671587302898E-2</v>
      </c>
      <c r="AC56" s="210">
        <v>770</v>
      </c>
      <c r="AD56" s="214">
        <v>0.16</v>
      </c>
      <c r="AE56" s="94">
        <v>2.6471353012949044E-2</v>
      </c>
      <c r="AF56" s="214">
        <v>0.35799999999999998</v>
      </c>
      <c r="AG56" s="94">
        <v>3.4479809086316572E-2</v>
      </c>
      <c r="AH56" s="214">
        <v>0.45300000000000001</v>
      </c>
      <c r="AI56" s="94">
        <v>3.578674801598767E-2</v>
      </c>
      <c r="AJ56" s="214">
        <v>2.9000000000000001E-2</v>
      </c>
      <c r="AK56" s="94">
        <v>1.2543671587302898E-2</v>
      </c>
    </row>
    <row r="57" spans="1:37">
      <c r="A57" s="49" t="s">
        <v>443</v>
      </c>
      <c r="B57" s="211">
        <v>1009</v>
      </c>
      <c r="C57" s="215">
        <v>0.157</v>
      </c>
      <c r="D57" s="97">
        <v>2.2940609973556705E-2</v>
      </c>
      <c r="E57" s="215">
        <v>0.14199999999999999</v>
      </c>
      <c r="F57" s="97">
        <v>2.2024500013894902E-2</v>
      </c>
      <c r="G57" s="215">
        <v>0.64600000000000002</v>
      </c>
      <c r="H57" s="97">
        <v>3.006094547991818E-2</v>
      </c>
      <c r="I57" s="215">
        <v>5.5E-2</v>
      </c>
      <c r="J57" s="97">
        <v>1.4539428924776559E-2</v>
      </c>
      <c r="K57" s="211">
        <v>1009</v>
      </c>
      <c r="L57" s="215">
        <v>0.13</v>
      </c>
      <c r="M57" s="97">
        <v>2.123334472527677E-2</v>
      </c>
      <c r="N57" s="215">
        <v>0.156</v>
      </c>
      <c r="O57" s="97">
        <v>2.2881875635131544E-2</v>
      </c>
      <c r="P57" s="215">
        <v>0.69799999999999995</v>
      </c>
      <c r="Q57" s="97">
        <v>2.8871844401947254E-2</v>
      </c>
      <c r="R57" s="215">
        <v>1.7000000000000001E-2</v>
      </c>
      <c r="S57" s="97">
        <v>8.5584279232668904E-3</v>
      </c>
      <c r="T57" s="211">
        <v>1005</v>
      </c>
      <c r="U57" s="215">
        <v>0.27800000000000002</v>
      </c>
      <c r="V57" s="97">
        <v>2.8235592511828719E-2</v>
      </c>
      <c r="W57" s="215">
        <v>0.20699999999999999</v>
      </c>
      <c r="X57" s="97">
        <v>2.5562478450373727E-2</v>
      </c>
      <c r="Y57" s="215">
        <v>0.46299999999999997</v>
      </c>
      <c r="Z57" s="97">
        <v>3.139579695732498E-2</v>
      </c>
      <c r="AA57" s="215">
        <v>5.0999999999999997E-2</v>
      </c>
      <c r="AB57" s="97">
        <v>1.4078113367886315E-2</v>
      </c>
      <c r="AC57" s="211">
        <v>1005</v>
      </c>
      <c r="AD57" s="215">
        <v>0.129</v>
      </c>
      <c r="AE57" s="97">
        <v>2.1207189077792284E-2</v>
      </c>
      <c r="AF57" s="215">
        <v>0.35599999999999998</v>
      </c>
      <c r="AG57" s="97">
        <v>3.0158358550349634E-2</v>
      </c>
      <c r="AH57" s="215">
        <v>0.46299999999999997</v>
      </c>
      <c r="AI57" s="97">
        <v>3.139579695732498E-2</v>
      </c>
      <c r="AJ57" s="215">
        <v>5.0999999999999997E-2</v>
      </c>
      <c r="AK57" s="97">
        <v>1.4078113367886315E-2</v>
      </c>
    </row>
    <row r="58" spans="1:37">
      <c r="A58" s="45" t="s">
        <v>444</v>
      </c>
      <c r="B58" s="210">
        <v>280</v>
      </c>
      <c r="C58" s="214">
        <v>0.113</v>
      </c>
      <c r="D58" s="94">
        <v>3.8349786508737937E-2</v>
      </c>
      <c r="E58" s="214">
        <v>9.1999999999999998E-2</v>
      </c>
      <c r="F58" s="94">
        <v>3.5244039500282938E-2</v>
      </c>
      <c r="G58" s="214">
        <v>0.75800000000000001</v>
      </c>
      <c r="H58" s="94">
        <v>5.108648256076271E-2</v>
      </c>
      <c r="I58" s="214">
        <v>3.6999999999999998E-2</v>
      </c>
      <c r="J58" s="94">
        <v>2.4213556407270898E-2</v>
      </c>
      <c r="K58" s="210">
        <v>278</v>
      </c>
      <c r="L58" s="214">
        <v>7.9000000000000001E-2</v>
      </c>
      <c r="M58" s="94">
        <v>3.3209298256998442E-2</v>
      </c>
      <c r="N58" s="214">
        <v>0.129</v>
      </c>
      <c r="O58" s="94">
        <v>4.0604652678008085E-2</v>
      </c>
      <c r="P58" s="214">
        <v>0.76400000000000001</v>
      </c>
      <c r="Q58" s="94">
        <v>5.0846336277380069E-2</v>
      </c>
      <c r="R58" s="214">
        <v>2.9000000000000001E-2</v>
      </c>
      <c r="S58" s="94">
        <v>2.2091918849583982E-2</v>
      </c>
      <c r="T58" s="210">
        <v>280</v>
      </c>
      <c r="U58" s="214">
        <v>0.21100000000000002</v>
      </c>
      <c r="V58" s="94">
        <v>4.8761439378074631E-2</v>
      </c>
      <c r="W58" s="214">
        <v>0.156</v>
      </c>
      <c r="X58" s="94">
        <v>4.360093256259822E-2</v>
      </c>
      <c r="Y58" s="214">
        <v>0.61599999999999999</v>
      </c>
      <c r="Z58" s="94">
        <v>5.7765964556589826E-2</v>
      </c>
      <c r="AA58" s="214">
        <v>1.6E-2</v>
      </c>
      <c r="AB58" s="94">
        <v>1.7720955375386708E-2</v>
      </c>
      <c r="AC58" s="210">
        <v>280</v>
      </c>
      <c r="AD58" s="214">
        <v>9.5000000000000001E-2</v>
      </c>
      <c r="AE58" s="94">
        <v>3.5714613008837666E-2</v>
      </c>
      <c r="AF58" s="214">
        <v>0.27200000000000002</v>
      </c>
      <c r="AG58" s="94">
        <v>5.3004122320222405E-2</v>
      </c>
      <c r="AH58" s="214">
        <v>0.61599999999999999</v>
      </c>
      <c r="AI58" s="94">
        <v>5.7765964556589826E-2</v>
      </c>
      <c r="AJ58" s="214">
        <v>1.6E-2</v>
      </c>
      <c r="AK58" s="94">
        <v>1.7720955375386708E-2</v>
      </c>
    </row>
    <row r="59" spans="1:37">
      <c r="A59" s="49" t="s">
        <v>445</v>
      </c>
      <c r="B59" s="211">
        <v>188</v>
      </c>
      <c r="C59" s="215">
        <v>0.11700000000000001</v>
      </c>
      <c r="D59" s="97">
        <v>4.7731753618086931E-2</v>
      </c>
      <c r="E59" s="215">
        <v>0.19800000000000001</v>
      </c>
      <c r="F59" s="97">
        <v>5.8194462364920339E-2</v>
      </c>
      <c r="G59" s="215">
        <v>0.55900000000000005</v>
      </c>
      <c r="H59" s="97">
        <v>7.1685442910905936E-2</v>
      </c>
      <c r="I59" s="215">
        <v>0.125</v>
      </c>
      <c r="J59" s="97">
        <v>4.8984125796814271E-2</v>
      </c>
      <c r="K59" s="211">
        <v>191</v>
      </c>
      <c r="L59" s="215">
        <v>8.6999999999999994E-2</v>
      </c>
      <c r="M59" s="97">
        <v>4.2088290900050056E-2</v>
      </c>
      <c r="N59" s="215">
        <v>0.219</v>
      </c>
      <c r="O59" s="97">
        <v>5.9785119624073194E-2</v>
      </c>
      <c r="P59" s="215">
        <v>0.67100000000000004</v>
      </c>
      <c r="Q59" s="97">
        <v>6.7474033275320686E-2</v>
      </c>
      <c r="R59" s="215">
        <v>2.3E-2</v>
      </c>
      <c r="S59" s="97">
        <v>2.5504060764130806E-2</v>
      </c>
      <c r="T59" s="211">
        <v>194</v>
      </c>
      <c r="U59" s="215">
        <v>0.105</v>
      </c>
      <c r="V59" s="97">
        <v>4.4995030753292496E-2</v>
      </c>
      <c r="W59" s="215">
        <v>0.26600000000000001</v>
      </c>
      <c r="X59" s="97">
        <v>6.3155094731013953E-2</v>
      </c>
      <c r="Y59" s="215">
        <v>0.59800000000000009</v>
      </c>
      <c r="Z59" s="97">
        <v>6.9744138568966954E-2</v>
      </c>
      <c r="AA59" s="215">
        <v>3.1E-2</v>
      </c>
      <c r="AB59" s="97">
        <v>2.8010294749459059E-2</v>
      </c>
      <c r="AC59" s="211">
        <v>194</v>
      </c>
      <c r="AD59" s="215">
        <v>4.3999999999999997E-2</v>
      </c>
      <c r="AE59" s="97">
        <v>3.1902816875797366E-2</v>
      </c>
      <c r="AF59" s="215">
        <v>0.32700000000000001</v>
      </c>
      <c r="AG59" s="97">
        <v>6.6858517563384096E-2</v>
      </c>
      <c r="AH59" s="215">
        <v>0.59800000000000009</v>
      </c>
      <c r="AI59" s="97">
        <v>6.9744138568966954E-2</v>
      </c>
      <c r="AJ59" s="215">
        <v>3.1E-2</v>
      </c>
      <c r="AK59" s="97">
        <v>2.8010294749459059E-2</v>
      </c>
    </row>
    <row r="60" spans="1:37">
      <c r="A60" s="45" t="s">
        <v>446</v>
      </c>
      <c r="B60" s="210">
        <v>166</v>
      </c>
      <c r="C60" s="214">
        <v>0.374</v>
      </c>
      <c r="D60" s="94">
        <v>7.4338228056773065E-2</v>
      </c>
      <c r="E60" s="214">
        <v>0.125</v>
      </c>
      <c r="F60" s="94">
        <v>5.2224581182685421E-2</v>
      </c>
      <c r="G60" s="214">
        <v>0.43099999999999999</v>
      </c>
      <c r="H60" s="94">
        <v>7.5996967619236994E-2</v>
      </c>
      <c r="I60" s="214">
        <v>7.0999999999999994E-2</v>
      </c>
      <c r="J60" s="94">
        <v>4.1873159093541418E-2</v>
      </c>
      <c r="K60" s="210">
        <v>166</v>
      </c>
      <c r="L60" s="214">
        <v>0.13200000000000001</v>
      </c>
      <c r="M60" s="94">
        <v>5.3330031026062513E-2</v>
      </c>
      <c r="N60" s="214">
        <v>0.151</v>
      </c>
      <c r="O60" s="94">
        <v>5.6122424727527292E-2</v>
      </c>
      <c r="P60" s="214">
        <v>0.70699999999999996</v>
      </c>
      <c r="Q60" s="94">
        <v>7.015004102965619E-2</v>
      </c>
      <c r="R60" s="214">
        <v>0.01</v>
      </c>
      <c r="S60" s="94">
        <v>2.2263605856549899E-2</v>
      </c>
      <c r="T60" s="210">
        <v>166</v>
      </c>
      <c r="U60" s="214">
        <v>0.32799999999999996</v>
      </c>
      <c r="V60" s="94">
        <v>7.2240091451667238E-2</v>
      </c>
      <c r="W60" s="214">
        <v>0.184</v>
      </c>
      <c r="X60" s="94">
        <v>6.0349535264790276E-2</v>
      </c>
      <c r="Y60" s="214">
        <v>0.46499999999999997</v>
      </c>
      <c r="Z60" s="94">
        <v>7.6517121322521323E-2</v>
      </c>
      <c r="AA60" s="214">
        <v>2.3E-2</v>
      </c>
      <c r="AB60" s="94">
        <v>2.7887285505328211E-2</v>
      </c>
      <c r="AC60" s="210">
        <v>166</v>
      </c>
      <c r="AD60" s="214">
        <v>0.23899999999999999</v>
      </c>
      <c r="AE60" s="94">
        <v>6.59851997789173E-2</v>
      </c>
      <c r="AF60" s="214">
        <v>0.27300000000000002</v>
      </c>
      <c r="AG60" s="94">
        <v>6.8748025161207718E-2</v>
      </c>
      <c r="AH60" s="214">
        <v>0.46499999999999997</v>
      </c>
      <c r="AI60" s="94">
        <v>7.6517121322521323E-2</v>
      </c>
      <c r="AJ60" s="214">
        <v>2.3E-2</v>
      </c>
      <c r="AK60" s="94">
        <v>2.7887285505328211E-2</v>
      </c>
    </row>
    <row r="61" spans="1:37">
      <c r="A61" s="49" t="s">
        <v>447</v>
      </c>
      <c r="B61" s="211">
        <v>79</v>
      </c>
      <c r="C61" s="215">
        <v>0.13</v>
      </c>
      <c r="D61" s="97">
        <v>7.7917851260820417E-2</v>
      </c>
      <c r="E61" s="215">
        <v>0.17599999999999999</v>
      </c>
      <c r="F61" s="97">
        <v>8.6400121982659478E-2</v>
      </c>
      <c r="G61" s="215">
        <v>0.66700000000000004</v>
      </c>
      <c r="H61" s="97">
        <v>0.10407002345586444</v>
      </c>
      <c r="I61" s="215">
        <v>2.5999999999999999E-2</v>
      </c>
      <c r="J61" s="97">
        <v>4.7317282489111774E-2</v>
      </c>
      <c r="K61" s="211">
        <v>79</v>
      </c>
      <c r="L61" s="215">
        <v>6.6000000000000003E-2</v>
      </c>
      <c r="M61" s="97">
        <v>6.1843693462158303E-2</v>
      </c>
      <c r="N61" s="215">
        <v>0.159</v>
      </c>
      <c r="O61" s="97">
        <v>8.3494964738114921E-2</v>
      </c>
      <c r="P61" s="215">
        <v>0.77500000000000002</v>
      </c>
      <c r="Q61" s="97">
        <v>9.3522373922006172E-2</v>
      </c>
      <c r="R61" s="215">
        <v>0</v>
      </c>
      <c r="S61" s="97">
        <v>3.3664360151118053E-2</v>
      </c>
      <c r="T61" s="211">
        <v>79</v>
      </c>
      <c r="U61" s="215">
        <v>0.28000000000000003</v>
      </c>
      <c r="V61" s="97">
        <v>9.9674808396882253E-2</v>
      </c>
      <c r="W61" s="215">
        <v>0.16600000000000001</v>
      </c>
      <c r="X61" s="97">
        <v>8.4721312638341997E-2</v>
      </c>
      <c r="Y61" s="215">
        <v>0.46899999999999997</v>
      </c>
      <c r="Z61" s="97">
        <v>0.1095729705791684</v>
      </c>
      <c r="AA61" s="215">
        <v>8.5000000000000006E-2</v>
      </c>
      <c r="AB61" s="97">
        <v>6.7297218832954767E-2</v>
      </c>
      <c r="AC61" s="211">
        <v>79</v>
      </c>
      <c r="AD61" s="215">
        <v>0.13900000000000001</v>
      </c>
      <c r="AE61" s="97">
        <v>7.9739752626551169E-2</v>
      </c>
      <c r="AF61" s="215">
        <v>0.307</v>
      </c>
      <c r="AG61" s="97">
        <v>0.10208778472628605</v>
      </c>
      <c r="AH61" s="215">
        <v>0.46899999999999997</v>
      </c>
      <c r="AI61" s="97">
        <v>0.1095729705791684</v>
      </c>
      <c r="AJ61" s="215">
        <v>8.5000000000000006E-2</v>
      </c>
      <c r="AK61" s="97">
        <v>6.7297218832954767E-2</v>
      </c>
    </row>
  </sheetData>
  <mergeCells count="9">
    <mergeCell ref="A3:D3"/>
    <mergeCell ref="AC35:AK35"/>
    <mergeCell ref="A33:AK33"/>
    <mergeCell ref="A34:AK34"/>
    <mergeCell ref="T35:AB35"/>
    <mergeCell ref="A4:D4"/>
    <mergeCell ref="A5:D5"/>
    <mergeCell ref="B35:J35"/>
    <mergeCell ref="K35:S35"/>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election activeCell="A13" sqref="A13"/>
    </sheetView>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234" t="s">
        <v>461</v>
      </c>
      <c r="F1" s="325"/>
      <c r="G1" s="325"/>
      <c r="H1" s="325"/>
      <c r="I1" s="325"/>
      <c r="J1" s="325"/>
      <c r="K1" s="325"/>
      <c r="L1" s="325"/>
      <c r="M1" s="325"/>
      <c r="N1" s="325"/>
    </row>
    <row r="2" spans="1:14" ht="21">
      <c r="A2" s="222"/>
      <c r="B2" s="13"/>
      <c r="C2" s="13"/>
      <c r="D2" s="13"/>
      <c r="E2" s="13"/>
      <c r="F2" s="326"/>
      <c r="G2" s="326"/>
      <c r="H2" s="326"/>
      <c r="I2" s="326"/>
      <c r="J2" s="326"/>
      <c r="K2" s="326"/>
      <c r="L2" s="326"/>
      <c r="M2" s="326"/>
      <c r="N2" s="326"/>
    </row>
    <row r="3" spans="1:14" s="12" customFormat="1" ht="21">
      <c r="A3" s="235" t="s">
        <v>172</v>
      </c>
      <c r="B3" s="11"/>
      <c r="C3" s="11"/>
      <c r="D3" s="11"/>
      <c r="E3" s="11"/>
      <c r="F3" s="20"/>
      <c r="G3" s="20"/>
      <c r="H3" s="20"/>
      <c r="I3" s="20"/>
      <c r="J3" s="20"/>
      <c r="K3" s="20"/>
      <c r="L3" s="20"/>
      <c r="M3" s="20"/>
      <c r="N3" s="20"/>
    </row>
    <row r="4" spans="1:14" s="12" customFormat="1" ht="31.5">
      <c r="A4" s="236" t="s">
        <v>462</v>
      </c>
      <c r="B4" s="11"/>
      <c r="C4" s="11"/>
      <c r="D4" s="11"/>
      <c r="E4" s="11"/>
      <c r="F4" s="20"/>
      <c r="G4" s="20"/>
      <c r="H4" s="20"/>
      <c r="I4" s="20"/>
      <c r="J4" s="20"/>
      <c r="K4" s="20"/>
      <c r="L4" s="20"/>
      <c r="M4" s="20"/>
      <c r="N4" s="20"/>
    </row>
    <row r="5" spans="1:14" ht="18.75" customHeight="1">
      <c r="A5" s="222"/>
      <c r="B5" s="13"/>
      <c r="C5" s="13"/>
      <c r="D5" s="13"/>
      <c r="E5" s="13"/>
      <c r="F5" s="20"/>
      <c r="G5" s="20"/>
      <c r="H5" s="20"/>
      <c r="I5" s="20"/>
      <c r="J5" s="20"/>
      <c r="K5" s="20"/>
      <c r="L5" s="20"/>
      <c r="M5" s="20"/>
      <c r="N5" s="20"/>
    </row>
    <row r="6" spans="1:14">
      <c r="A6" s="237" t="s">
        <v>173</v>
      </c>
      <c r="B6" s="13"/>
      <c r="C6" s="13"/>
      <c r="D6" s="13"/>
      <c r="E6" s="13"/>
    </row>
    <row r="7" spans="1:14" ht="51" customHeight="1">
      <c r="A7" s="238" t="s">
        <v>246</v>
      </c>
      <c r="B7" s="13"/>
      <c r="C7" s="13"/>
      <c r="D7" s="13"/>
      <c r="E7" s="13"/>
      <c r="F7" s="13"/>
      <c r="G7" s="13"/>
    </row>
    <row r="8" spans="1:14">
      <c r="A8" s="216"/>
      <c r="B8" s="13"/>
      <c r="C8" s="13"/>
      <c r="D8" s="13"/>
      <c r="E8" s="13"/>
      <c r="F8" s="13"/>
      <c r="G8" s="13"/>
    </row>
    <row r="9" spans="1:14">
      <c r="A9" s="235" t="s">
        <v>174</v>
      </c>
      <c r="B9" s="13"/>
      <c r="C9" s="13"/>
      <c r="D9" s="13"/>
      <c r="E9" s="13"/>
      <c r="F9" s="13"/>
      <c r="G9" s="13"/>
    </row>
    <row r="10" spans="1:14" ht="30">
      <c r="A10" s="236" t="s">
        <v>475</v>
      </c>
      <c r="B10" s="13"/>
      <c r="C10" s="13"/>
      <c r="D10" s="13"/>
      <c r="E10" s="13"/>
      <c r="F10" s="13"/>
      <c r="G10" s="13"/>
    </row>
    <row r="11" spans="1:14">
      <c r="A11" s="222"/>
      <c r="B11" s="14"/>
      <c r="C11" s="14"/>
      <c r="D11" s="14"/>
      <c r="E11" s="14"/>
    </row>
    <row r="12" spans="1:14">
      <c r="A12" s="235" t="s">
        <v>175</v>
      </c>
    </row>
    <row r="13" spans="1:14" ht="135">
      <c r="A13" s="236" t="s">
        <v>476</v>
      </c>
    </row>
    <row r="14" spans="1:14">
      <c r="A14" s="216"/>
    </row>
    <row r="15" spans="1:14">
      <c r="A15" s="237" t="s">
        <v>2</v>
      </c>
    </row>
    <row r="16" spans="1:14" ht="45">
      <c r="A16" s="238" t="s">
        <v>176</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64"/>
  <sheetViews>
    <sheetView topLeftCell="A45" workbookViewId="0">
      <selection activeCell="A64" sqref="A64"/>
    </sheetView>
  </sheetViews>
  <sheetFormatPr defaultColWidth="8.85546875" defaultRowHeight="15"/>
  <cols>
    <col min="1" max="1" width="128.28515625" style="305" customWidth="1"/>
    <col min="2" max="7" width="8.85546875" style="2"/>
    <col min="8" max="8" width="19.42578125" style="2" customWidth="1"/>
    <col min="9" max="10" width="8.85546875" style="2"/>
    <col min="11" max="11" width="9.140625" style="2" customWidth="1"/>
    <col min="12" max="16384" width="8.85546875" style="2"/>
  </cols>
  <sheetData>
    <row r="1" spans="1:14" ht="23.25">
      <c r="A1" s="234" t="s">
        <v>448</v>
      </c>
      <c r="B1" s="9"/>
      <c r="C1" s="9"/>
      <c r="D1" s="9"/>
      <c r="E1" s="9"/>
      <c r="F1" s="9"/>
      <c r="G1" s="9"/>
      <c r="N1" s="8"/>
    </row>
    <row r="2" spans="1:14" ht="75">
      <c r="A2" s="300" t="s">
        <v>449</v>
      </c>
      <c r="B2" s="6"/>
      <c r="C2" s="6"/>
      <c r="D2" s="6"/>
    </row>
    <row r="3" spans="1:14" s="17" customFormat="1">
      <c r="A3" s="236"/>
      <c r="B3" s="13"/>
      <c r="C3" s="13"/>
      <c r="D3" s="13"/>
    </row>
    <row r="4" spans="1:14" s="18" customFormat="1">
      <c r="A4" s="235" t="s">
        <v>424</v>
      </c>
      <c r="B4" s="13"/>
      <c r="C4" s="13"/>
      <c r="D4" s="13"/>
    </row>
    <row r="5" spans="1:14" s="18" customFormat="1" ht="30">
      <c r="A5" s="236" t="s">
        <v>450</v>
      </c>
      <c r="B5" s="13"/>
      <c r="C5" s="13"/>
      <c r="D5" s="13"/>
    </row>
    <row r="6" spans="1:14" s="18" customFormat="1">
      <c r="A6" s="236"/>
      <c r="B6" s="13"/>
      <c r="C6" s="13"/>
      <c r="D6" s="13"/>
    </row>
    <row r="7" spans="1:14">
      <c r="A7" s="301" t="s">
        <v>425</v>
      </c>
    </row>
    <row r="8" spans="1:14" ht="60">
      <c r="A8" s="302" t="s">
        <v>465</v>
      </c>
    </row>
    <row r="9" spans="1:14" s="17" customFormat="1">
      <c r="A9" s="302"/>
    </row>
    <row r="10" spans="1:14">
      <c r="A10" s="303" t="s">
        <v>426</v>
      </c>
    </row>
    <row r="11" spans="1:14" ht="45">
      <c r="A11" s="302" t="s">
        <v>464</v>
      </c>
    </row>
    <row r="12" spans="1:14">
      <c r="A12" s="223"/>
    </row>
    <row r="13" spans="1:14" s="19" customFormat="1">
      <c r="A13" s="303" t="s">
        <v>451</v>
      </c>
    </row>
    <row r="14" spans="1:14" s="19" customFormat="1" ht="60">
      <c r="A14" s="302" t="s">
        <v>466</v>
      </c>
    </row>
    <row r="15" spans="1:14" s="19" customFormat="1">
      <c r="A15" s="222"/>
    </row>
    <row r="16" spans="1:14" s="19" customFormat="1">
      <c r="A16" s="303" t="s">
        <v>452</v>
      </c>
    </row>
    <row r="17" spans="1:1" s="19" customFormat="1" ht="45.75" customHeight="1">
      <c r="A17" s="302" t="s">
        <v>463</v>
      </c>
    </row>
    <row r="18" spans="1:1" s="19" customFormat="1">
      <c r="A18" s="222"/>
    </row>
    <row r="19" spans="1:1" s="217" customFormat="1">
      <c r="A19" s="237" t="s">
        <v>453</v>
      </c>
    </row>
    <row r="20" spans="1:1" s="217" customFormat="1" ht="30">
      <c r="A20" s="302" t="s">
        <v>467</v>
      </c>
    </row>
    <row r="21" spans="1:1" s="217" customFormat="1">
      <c r="A21" s="221"/>
    </row>
    <row r="22" spans="1:1" s="217" customFormat="1">
      <c r="A22" s="237" t="s">
        <v>454</v>
      </c>
    </row>
    <row r="23" spans="1:1" s="217" customFormat="1" ht="60">
      <c r="A23" s="300" t="s">
        <v>468</v>
      </c>
    </row>
    <row r="24" spans="1:1" s="217" customFormat="1">
      <c r="A24" s="221"/>
    </row>
    <row r="25" spans="1:1" s="217" customFormat="1">
      <c r="A25" s="237" t="s">
        <v>435</v>
      </c>
    </row>
    <row r="26" spans="1:1" s="217" customFormat="1" ht="45">
      <c r="A26" s="300" t="s">
        <v>477</v>
      </c>
    </row>
    <row r="27" spans="1:1" s="217" customFormat="1">
      <c r="A27" s="221"/>
    </row>
    <row r="28" spans="1:1" s="217" customFormat="1">
      <c r="A28" s="237" t="s">
        <v>436</v>
      </c>
    </row>
    <row r="29" spans="1:1" s="217" customFormat="1" ht="30">
      <c r="A29" s="300" t="s">
        <v>478</v>
      </c>
    </row>
    <row r="30" spans="1:1" s="217" customFormat="1">
      <c r="A30" s="221"/>
    </row>
    <row r="31" spans="1:1" s="19" customFormat="1">
      <c r="A31" s="303" t="s">
        <v>437</v>
      </c>
    </row>
    <row r="32" spans="1:1" s="19" customFormat="1" ht="36.75" customHeight="1">
      <c r="A32" s="300" t="s">
        <v>479</v>
      </c>
    </row>
    <row r="33" spans="1:1" s="19" customFormat="1">
      <c r="A33" s="222"/>
    </row>
    <row r="34" spans="1:1" s="19" customFormat="1">
      <c r="A34" s="301" t="s">
        <v>438</v>
      </c>
    </row>
    <row r="35" spans="1:1" s="19" customFormat="1" ht="45">
      <c r="A35" s="300" t="s">
        <v>480</v>
      </c>
    </row>
    <row r="36" spans="1:1" s="19" customFormat="1">
      <c r="A36" s="224"/>
    </row>
    <row r="37" spans="1:1" s="217" customFormat="1">
      <c r="A37" s="237" t="s">
        <v>439</v>
      </c>
    </row>
    <row r="38" spans="1:1" s="217" customFormat="1" ht="30">
      <c r="A38" s="300" t="s">
        <v>481</v>
      </c>
    </row>
    <row r="39" spans="1:1" s="217" customFormat="1">
      <c r="A39" s="221"/>
    </row>
    <row r="40" spans="1:1" s="19" customFormat="1">
      <c r="A40" s="304" t="s">
        <v>440</v>
      </c>
    </row>
    <row r="41" spans="1:1" s="19" customFormat="1" ht="45">
      <c r="A41" s="300" t="s">
        <v>482</v>
      </c>
    </row>
    <row r="42" spans="1:1">
      <c r="A42" s="216"/>
    </row>
    <row r="43" spans="1:1">
      <c r="A43" s="237" t="s">
        <v>441</v>
      </c>
    </row>
    <row r="44" spans="1:1" ht="30">
      <c r="A44" s="300" t="s">
        <v>483</v>
      </c>
    </row>
    <row r="45" spans="1:1">
      <c r="A45" s="221"/>
    </row>
    <row r="46" spans="1:1">
      <c r="A46" s="237" t="s">
        <v>455</v>
      </c>
    </row>
    <row r="47" spans="1:1" ht="30">
      <c r="A47" s="300" t="s">
        <v>469</v>
      </c>
    </row>
    <row r="48" spans="1:1">
      <c r="A48" s="221"/>
    </row>
    <row r="49" spans="1:1">
      <c r="A49" s="237" t="s">
        <v>456</v>
      </c>
    </row>
    <row r="50" spans="1:1" ht="30">
      <c r="A50" s="300" t="s">
        <v>470</v>
      </c>
    </row>
    <row r="51" spans="1:1">
      <c r="A51" s="221"/>
    </row>
    <row r="52" spans="1:1">
      <c r="A52" s="237" t="s">
        <v>457</v>
      </c>
    </row>
    <row r="53" spans="1:1" ht="30">
      <c r="A53" s="300" t="s">
        <v>471</v>
      </c>
    </row>
    <row r="54" spans="1:1">
      <c r="A54" s="300"/>
    </row>
    <row r="55" spans="1:1">
      <c r="A55" s="237" t="s">
        <v>458</v>
      </c>
    </row>
    <row r="56" spans="1:1" ht="30">
      <c r="A56" s="300" t="s">
        <v>472</v>
      </c>
    </row>
    <row r="57" spans="1:1">
      <c r="A57" s="300"/>
    </row>
    <row r="58" spans="1:1">
      <c r="A58" s="237" t="s">
        <v>459</v>
      </c>
    </row>
    <row r="59" spans="1:1" ht="30">
      <c r="A59" s="300" t="s">
        <v>473</v>
      </c>
    </row>
    <row r="60" spans="1:1">
      <c r="A60" s="300"/>
    </row>
    <row r="61" spans="1:1">
      <c r="A61" s="237" t="s">
        <v>460</v>
      </c>
    </row>
    <row r="62" spans="1:1" ht="30">
      <c r="A62" s="300" t="s">
        <v>474</v>
      </c>
    </row>
    <row r="63" spans="1:1">
      <c r="A63" s="238"/>
    </row>
    <row r="64" spans="1:1">
      <c r="A64" s="238" t="s">
        <v>484</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52"/>
  <sheetViews>
    <sheetView zoomScaleNormal="100" workbookViewId="0">
      <selection activeCell="B149" sqref="B149"/>
    </sheetView>
  </sheetViews>
  <sheetFormatPr defaultColWidth="8.85546875" defaultRowHeight="15"/>
  <cols>
    <col min="1" max="1" width="8.85546875" style="15"/>
    <col min="2" max="2" width="35.7109375" style="217" customWidth="1"/>
    <col min="3" max="3" width="36.140625" style="217" customWidth="1"/>
    <col min="4" max="4" width="21.140625" style="217" customWidth="1"/>
    <col min="5" max="5" width="8.85546875" style="217"/>
    <col min="6" max="6" width="23.42578125" style="217" customWidth="1"/>
    <col min="7" max="16384" width="8.85546875" style="217"/>
  </cols>
  <sheetData>
    <row r="1" spans="1:9" ht="21">
      <c r="A1" s="329" t="s">
        <v>0</v>
      </c>
      <c r="B1" s="329"/>
      <c r="C1" s="329"/>
      <c r="D1" s="329"/>
      <c r="E1" s="219"/>
      <c r="F1" s="219"/>
      <c r="G1" s="219"/>
      <c r="H1" s="219"/>
      <c r="I1" s="219"/>
    </row>
    <row r="2" spans="1:9" ht="21">
      <c r="A2" s="220"/>
      <c r="B2" s="220"/>
      <c r="C2" s="220"/>
      <c r="D2" s="220"/>
      <c r="E2" s="219"/>
      <c r="F2" s="219"/>
      <c r="G2" s="219"/>
      <c r="H2" s="219"/>
      <c r="I2" s="219"/>
    </row>
    <row r="3" spans="1:9" ht="21">
      <c r="A3" s="220" t="s">
        <v>5</v>
      </c>
      <c r="B3" s="220"/>
      <c r="C3" s="220"/>
      <c r="D3" s="220"/>
      <c r="E3" s="219"/>
      <c r="F3" s="219"/>
      <c r="G3" s="219"/>
      <c r="H3" s="219"/>
      <c r="I3" s="219"/>
    </row>
    <row r="4" spans="1:9" ht="21">
      <c r="A4" s="22"/>
      <c r="B4" s="219"/>
      <c r="C4" s="219"/>
      <c r="D4" s="219"/>
      <c r="E4" s="23"/>
      <c r="F4" s="219"/>
      <c r="G4" s="219"/>
      <c r="H4" s="219"/>
      <c r="I4" s="219"/>
    </row>
    <row r="5" spans="1:9" ht="18.75">
      <c r="A5" s="263" t="s">
        <v>63</v>
      </c>
      <c r="B5" s="24"/>
      <c r="C5" s="24"/>
      <c r="D5" s="219"/>
      <c r="E5" s="219"/>
      <c r="F5" s="219"/>
      <c r="G5" s="219"/>
      <c r="H5" s="219"/>
      <c r="I5" s="219"/>
    </row>
    <row r="6" spans="1:9" ht="18.75">
      <c r="A6" s="32"/>
      <c r="B6" s="24"/>
      <c r="C6" s="24"/>
      <c r="D6" s="219"/>
      <c r="E6" s="219"/>
      <c r="F6" s="219"/>
      <c r="G6" s="219"/>
      <c r="H6" s="219"/>
      <c r="I6" s="219"/>
    </row>
    <row r="7" spans="1:9" ht="18.75">
      <c r="A7" s="25">
        <v>1</v>
      </c>
      <c r="B7" s="26" t="s">
        <v>6</v>
      </c>
      <c r="C7" s="219"/>
      <c r="D7" s="219"/>
      <c r="E7" s="27"/>
      <c r="F7" s="27"/>
      <c r="G7" s="219"/>
      <c r="H7" s="219"/>
      <c r="I7" s="219"/>
    </row>
    <row r="8" spans="1:9">
      <c r="A8" s="25"/>
      <c r="B8" s="328" t="s">
        <v>8</v>
      </c>
      <c r="C8" s="328"/>
      <c r="D8" s="328"/>
      <c r="E8" s="328"/>
      <c r="F8" s="328"/>
      <c r="G8" s="219"/>
      <c r="H8" s="219"/>
      <c r="I8" s="219"/>
    </row>
    <row r="9" spans="1:9" ht="18.75">
      <c r="A9" s="32"/>
      <c r="B9" s="24"/>
      <c r="C9" s="24"/>
      <c r="D9" s="219"/>
      <c r="E9" s="219"/>
      <c r="F9" s="219"/>
      <c r="G9" s="219"/>
      <c r="H9" s="219"/>
      <c r="I9" s="219"/>
    </row>
    <row r="10" spans="1:9" ht="18.75">
      <c r="A10" s="25">
        <v>1</v>
      </c>
      <c r="B10" s="26" t="s">
        <v>7</v>
      </c>
      <c r="C10" s="219"/>
      <c r="D10" s="219"/>
      <c r="E10" s="27"/>
      <c r="F10" s="27"/>
      <c r="G10" s="219"/>
      <c r="H10" s="219"/>
      <c r="I10" s="219"/>
    </row>
    <row r="11" spans="1:9">
      <c r="A11" s="25"/>
      <c r="B11" s="328" t="s">
        <v>9</v>
      </c>
      <c r="C11" s="328"/>
      <c r="D11" s="328"/>
      <c r="E11" s="28"/>
      <c r="F11" s="28"/>
      <c r="G11" s="219"/>
      <c r="H11" s="219"/>
      <c r="I11" s="219"/>
    </row>
    <row r="12" spans="1:9" ht="18.75">
      <c r="A12" s="32"/>
      <c r="B12" s="24"/>
      <c r="C12" s="24"/>
      <c r="D12" s="219"/>
      <c r="E12" s="219"/>
      <c r="F12" s="219"/>
      <c r="G12" s="219"/>
      <c r="H12" s="219"/>
      <c r="I12" s="219"/>
    </row>
    <row r="13" spans="1:9" ht="18.75">
      <c r="A13" s="25">
        <v>1</v>
      </c>
      <c r="B13" s="26" t="s">
        <v>56</v>
      </c>
      <c r="C13" s="24"/>
      <c r="D13" s="219"/>
      <c r="E13" s="219"/>
      <c r="F13" s="219"/>
      <c r="G13" s="219"/>
      <c r="H13" s="219"/>
      <c r="I13" s="219"/>
    </row>
    <row r="14" spans="1:9" ht="18.75">
      <c r="A14" s="32"/>
      <c r="B14" s="219" t="s">
        <v>57</v>
      </c>
      <c r="C14" s="24"/>
      <c r="D14" s="219"/>
      <c r="E14" s="219"/>
      <c r="F14" s="219"/>
      <c r="G14" s="219"/>
      <c r="H14" s="219"/>
      <c r="I14" s="219"/>
    </row>
    <row r="15" spans="1:9" ht="18.75">
      <c r="A15" s="32"/>
      <c r="B15" s="219"/>
      <c r="C15" s="24"/>
      <c r="D15" s="219"/>
      <c r="E15" s="219"/>
      <c r="F15" s="219"/>
      <c r="G15" s="219"/>
      <c r="H15" s="219"/>
      <c r="I15" s="219"/>
    </row>
    <row r="16" spans="1:9" ht="18.75">
      <c r="A16" s="25">
        <v>1</v>
      </c>
      <c r="B16" s="26" t="s">
        <v>247</v>
      </c>
      <c r="C16" s="24"/>
      <c r="D16" s="219"/>
      <c r="E16" s="219"/>
      <c r="F16" s="219"/>
      <c r="G16" s="219"/>
      <c r="H16" s="219"/>
      <c r="I16" s="219"/>
    </row>
    <row r="17" spans="1:9" ht="18.75">
      <c r="A17" s="32"/>
      <c r="B17" s="219" t="s">
        <v>58</v>
      </c>
      <c r="C17" s="24"/>
      <c r="D17" s="219"/>
      <c r="E17" s="219"/>
      <c r="F17" s="219"/>
      <c r="G17" s="219"/>
      <c r="H17" s="219"/>
      <c r="I17" s="219"/>
    </row>
    <row r="18" spans="1:9" ht="18.75">
      <c r="A18" s="32"/>
      <c r="B18" s="219"/>
      <c r="C18" s="24"/>
      <c r="D18" s="219"/>
      <c r="E18" s="219"/>
      <c r="F18" s="219"/>
      <c r="G18" s="219"/>
      <c r="H18" s="219"/>
      <c r="I18" s="219"/>
    </row>
    <row r="19" spans="1:9" ht="18.75">
      <c r="A19" s="230" t="s">
        <v>64</v>
      </c>
      <c r="B19" s="219"/>
      <c r="C19" s="24"/>
      <c r="D19" s="219"/>
      <c r="E19" s="219"/>
      <c r="F19" s="219"/>
      <c r="G19" s="219"/>
      <c r="H19" s="219"/>
      <c r="I19" s="219"/>
    </row>
    <row r="20" spans="1:9" ht="18.75">
      <c r="A20" s="32"/>
      <c r="B20" s="219"/>
      <c r="C20" s="24"/>
      <c r="D20" s="219"/>
      <c r="E20" s="219"/>
      <c r="F20" s="219"/>
      <c r="G20" s="219"/>
      <c r="H20" s="219"/>
      <c r="I20" s="219"/>
    </row>
    <row r="21" spans="1:9" s="16" customFormat="1" ht="18.75">
      <c r="A21" s="25">
        <v>2</v>
      </c>
      <c r="B21" s="26" t="s">
        <v>59</v>
      </c>
      <c r="C21" s="219"/>
      <c r="D21" s="219"/>
      <c r="E21" s="27"/>
      <c r="F21" s="27"/>
      <c r="G21" s="27"/>
      <c r="H21" s="27"/>
      <c r="I21" s="27"/>
    </row>
    <row r="22" spans="1:9">
      <c r="A22" s="25"/>
      <c r="B22" s="327" t="s">
        <v>60</v>
      </c>
      <c r="C22" s="328"/>
      <c r="D22" s="328"/>
      <c r="E22" s="328"/>
      <c r="F22" s="328"/>
      <c r="G22" s="328"/>
      <c r="H22" s="219"/>
      <c r="I22" s="219"/>
    </row>
    <row r="23" spans="1:9">
      <c r="A23" s="25"/>
      <c r="B23" s="219"/>
      <c r="C23" s="219"/>
      <c r="D23" s="219"/>
      <c r="E23" s="219"/>
      <c r="F23" s="219"/>
      <c r="G23" s="219"/>
      <c r="H23" s="219"/>
      <c r="I23" s="219"/>
    </row>
    <row r="24" spans="1:9">
      <c r="A24" s="25">
        <v>2</v>
      </c>
      <c r="B24" s="26" t="s">
        <v>406</v>
      </c>
      <c r="C24" s="219"/>
      <c r="D24" s="219"/>
      <c r="E24" s="219"/>
      <c r="F24" s="219"/>
      <c r="G24" s="219"/>
      <c r="H24" s="219"/>
      <c r="I24" s="219"/>
    </row>
    <row r="25" spans="1:9">
      <c r="A25" s="25"/>
      <c r="B25" s="219" t="s">
        <v>61</v>
      </c>
      <c r="C25" s="219"/>
      <c r="D25" s="219"/>
      <c r="E25" s="219"/>
      <c r="F25" s="219"/>
      <c r="G25" s="219"/>
      <c r="H25" s="219"/>
      <c r="I25" s="219"/>
    </row>
    <row r="26" spans="1:9">
      <c r="A26" s="25"/>
      <c r="B26" s="219"/>
      <c r="C26" s="219"/>
      <c r="D26" s="219"/>
      <c r="E26" s="219"/>
      <c r="F26" s="219"/>
      <c r="G26" s="219"/>
      <c r="H26" s="219"/>
      <c r="I26" s="219"/>
    </row>
    <row r="27" spans="1:9">
      <c r="A27" s="25">
        <v>2</v>
      </c>
      <c r="B27" s="26" t="s">
        <v>253</v>
      </c>
      <c r="C27" s="219"/>
      <c r="D27" s="219"/>
      <c r="E27" s="219"/>
      <c r="F27" s="219"/>
      <c r="G27" s="219"/>
      <c r="H27" s="219"/>
      <c r="I27" s="219"/>
    </row>
    <row r="28" spans="1:9">
      <c r="A28" s="25"/>
      <c r="B28" s="219" t="s">
        <v>62</v>
      </c>
      <c r="C28" s="219"/>
      <c r="D28" s="219"/>
      <c r="E28" s="219"/>
      <c r="F28" s="219"/>
      <c r="G28" s="219"/>
      <c r="H28" s="219"/>
      <c r="I28" s="219"/>
    </row>
    <row r="29" spans="1:9">
      <c r="A29" s="25"/>
      <c r="B29" s="219"/>
      <c r="C29" s="219"/>
      <c r="D29" s="219"/>
      <c r="E29" s="219"/>
      <c r="F29" s="219"/>
      <c r="G29" s="219"/>
      <c r="H29" s="219"/>
      <c r="I29" s="219"/>
    </row>
    <row r="30" spans="1:9" s="16" customFormat="1" ht="18.75">
      <c r="A30" s="330" t="s">
        <v>18</v>
      </c>
      <c r="B30" s="330"/>
      <c r="C30" s="330"/>
      <c r="D30" s="27"/>
      <c r="E30" s="27"/>
      <c r="F30" s="27"/>
      <c r="G30" s="27"/>
      <c r="H30" s="27"/>
      <c r="I30" s="27"/>
    </row>
    <row r="31" spans="1:9" s="16" customFormat="1" ht="18.75">
      <c r="A31" s="32"/>
      <c r="B31" s="32"/>
      <c r="C31" s="32"/>
      <c r="D31" s="27"/>
      <c r="E31" s="27"/>
      <c r="F31" s="27"/>
      <c r="G31" s="27"/>
      <c r="H31" s="27"/>
      <c r="I31" s="27"/>
    </row>
    <row r="32" spans="1:9" s="16" customFormat="1" ht="18.75">
      <c r="A32" s="230" t="s">
        <v>42</v>
      </c>
      <c r="B32" s="32"/>
      <c r="C32" s="32"/>
      <c r="D32" s="27"/>
      <c r="E32" s="27"/>
      <c r="F32" s="27"/>
      <c r="G32" s="27"/>
      <c r="H32" s="27"/>
      <c r="I32" s="27"/>
    </row>
    <row r="33" spans="1:9" s="16" customFormat="1" ht="18.75">
      <c r="A33" s="32"/>
      <c r="B33" s="32"/>
      <c r="C33" s="32"/>
      <c r="D33" s="27"/>
      <c r="E33" s="27"/>
      <c r="F33" s="27"/>
      <c r="G33" s="27"/>
      <c r="H33" s="27"/>
      <c r="I33" s="27"/>
    </row>
    <row r="34" spans="1:9">
      <c r="A34" s="25">
        <v>3</v>
      </c>
      <c r="B34" s="232" t="s">
        <v>1</v>
      </c>
      <c r="C34" s="219"/>
      <c r="D34" s="219"/>
      <c r="E34" s="219"/>
      <c r="F34" s="219"/>
      <c r="G34" s="219"/>
      <c r="H34" s="219"/>
      <c r="I34" s="219"/>
    </row>
    <row r="35" spans="1:9">
      <c r="A35" s="22"/>
      <c r="B35" s="327" t="s">
        <v>20</v>
      </c>
      <c r="C35" s="328"/>
      <c r="D35" s="328"/>
      <c r="E35" s="328"/>
      <c r="F35" s="26"/>
      <c r="G35" s="219"/>
      <c r="H35" s="219"/>
      <c r="I35" s="219"/>
    </row>
    <row r="36" spans="1:9">
      <c r="A36" s="22"/>
      <c r="B36" s="218"/>
      <c r="C36" s="219"/>
      <c r="D36" s="219"/>
      <c r="E36" s="219"/>
      <c r="F36" s="26"/>
      <c r="G36" s="219"/>
      <c r="H36" s="219"/>
      <c r="I36" s="219"/>
    </row>
    <row r="37" spans="1:9">
      <c r="A37" s="22">
        <v>3</v>
      </c>
      <c r="B37" s="30" t="s">
        <v>35</v>
      </c>
      <c r="C37" s="219"/>
      <c r="D37" s="219"/>
      <c r="E37" s="219"/>
      <c r="F37" s="26"/>
      <c r="G37" s="219"/>
      <c r="H37" s="219"/>
      <c r="I37" s="219"/>
    </row>
    <row r="38" spans="1:9">
      <c r="A38" s="22"/>
      <c r="B38" s="279" t="s">
        <v>65</v>
      </c>
      <c r="C38" s="219"/>
      <c r="D38" s="219"/>
      <c r="E38" s="219"/>
      <c r="F38" s="26"/>
      <c r="G38" s="219"/>
      <c r="H38" s="219"/>
      <c r="I38" s="219"/>
    </row>
    <row r="39" spans="1:9">
      <c r="A39" s="22"/>
      <c r="B39" s="218"/>
      <c r="C39" s="219"/>
      <c r="D39" s="219"/>
      <c r="E39" s="219"/>
      <c r="F39" s="26"/>
      <c r="G39" s="219"/>
      <c r="H39" s="219"/>
      <c r="I39" s="219"/>
    </row>
    <row r="40" spans="1:9">
      <c r="A40" s="22">
        <v>3</v>
      </c>
      <c r="B40" s="30" t="s">
        <v>36</v>
      </c>
      <c r="C40" s="219"/>
      <c r="D40" s="219"/>
      <c r="E40" s="219"/>
      <c r="F40" s="26"/>
      <c r="G40" s="219"/>
      <c r="H40" s="219"/>
      <c r="I40" s="219"/>
    </row>
    <row r="41" spans="1:9">
      <c r="A41" s="22"/>
      <c r="B41" s="218" t="s">
        <v>66</v>
      </c>
      <c r="C41" s="219"/>
      <c r="D41" s="219"/>
      <c r="E41" s="219"/>
      <c r="F41" s="26"/>
      <c r="G41" s="219"/>
      <c r="H41" s="219"/>
      <c r="I41" s="219"/>
    </row>
    <row r="42" spans="1:9">
      <c r="A42" s="22"/>
      <c r="B42" s="218"/>
      <c r="C42" s="219"/>
      <c r="D42" s="219"/>
      <c r="E42" s="219"/>
      <c r="F42" s="26"/>
      <c r="G42" s="219"/>
      <c r="H42" s="219"/>
      <c r="I42" s="219"/>
    </row>
    <row r="43" spans="1:9">
      <c r="A43" s="25">
        <v>3</v>
      </c>
      <c r="B43" s="30" t="s">
        <v>10</v>
      </c>
      <c r="C43" s="219"/>
      <c r="D43" s="219"/>
      <c r="E43" s="219"/>
      <c r="F43" s="219"/>
      <c r="G43" s="219"/>
      <c r="H43" s="219"/>
      <c r="I43" s="219"/>
    </row>
    <row r="44" spans="1:9">
      <c r="A44" s="22"/>
      <c r="B44" s="327" t="s">
        <v>21</v>
      </c>
      <c r="C44" s="328"/>
      <c r="D44" s="219"/>
      <c r="E44" s="219"/>
      <c r="F44" s="219"/>
      <c r="G44" s="219"/>
      <c r="H44" s="219"/>
      <c r="I44" s="219"/>
    </row>
    <row r="45" spans="1:9">
      <c r="A45" s="22"/>
      <c r="B45" s="218"/>
      <c r="C45" s="219"/>
      <c r="D45" s="219"/>
      <c r="E45" s="219"/>
      <c r="F45" s="219"/>
      <c r="G45" s="219"/>
      <c r="H45" s="219"/>
      <c r="I45" s="219"/>
    </row>
    <row r="46" spans="1:9">
      <c r="A46" s="22">
        <v>3</v>
      </c>
      <c r="B46" s="30" t="s">
        <v>37</v>
      </c>
      <c r="C46" s="219"/>
      <c r="D46" s="219"/>
      <c r="E46" s="219"/>
      <c r="F46" s="219"/>
      <c r="G46" s="219"/>
      <c r="H46" s="219"/>
      <c r="I46" s="219"/>
    </row>
    <row r="47" spans="1:9">
      <c r="A47" s="22"/>
      <c r="B47" s="218" t="s">
        <v>67</v>
      </c>
      <c r="C47" s="219"/>
      <c r="D47" s="219"/>
      <c r="E47" s="219"/>
      <c r="F47" s="219"/>
      <c r="G47" s="219"/>
      <c r="H47" s="219"/>
      <c r="I47" s="219"/>
    </row>
    <row r="48" spans="1:9" ht="21">
      <c r="A48" s="29"/>
      <c r="B48" s="219"/>
      <c r="C48" s="219"/>
      <c r="D48" s="219"/>
      <c r="E48" s="219"/>
      <c r="F48" s="219"/>
      <c r="G48" s="219"/>
      <c r="H48" s="219"/>
      <c r="I48" s="219"/>
    </row>
    <row r="49" spans="1:9" s="16" customFormat="1" ht="18.75">
      <c r="A49" s="230" t="s">
        <v>41</v>
      </c>
      <c r="B49" s="32"/>
      <c r="C49" s="32"/>
      <c r="D49" s="27"/>
      <c r="E49" s="27"/>
      <c r="F49" s="27"/>
      <c r="G49" s="27"/>
      <c r="H49" s="27"/>
      <c r="I49" s="27"/>
    </row>
    <row r="50" spans="1:9" s="16" customFormat="1" ht="18.75">
      <c r="A50" s="32"/>
      <c r="B50" s="32"/>
      <c r="C50" s="32"/>
      <c r="D50" s="27"/>
      <c r="E50" s="27"/>
      <c r="F50" s="27"/>
      <c r="G50" s="27"/>
      <c r="H50" s="27"/>
      <c r="I50" s="27"/>
    </row>
    <row r="51" spans="1:9">
      <c r="A51" s="25">
        <v>4</v>
      </c>
      <c r="B51" s="231" t="s">
        <v>3</v>
      </c>
      <c r="C51" s="219"/>
      <c r="D51" s="219"/>
      <c r="E51" s="219"/>
      <c r="F51" s="219"/>
      <c r="G51" s="219"/>
      <c r="H51" s="219"/>
      <c r="I51" s="219"/>
    </row>
    <row r="52" spans="1:9">
      <c r="A52" s="22"/>
      <c r="B52" s="327" t="s">
        <v>19</v>
      </c>
      <c r="C52" s="328"/>
      <c r="D52" s="328"/>
      <c r="E52" s="219"/>
      <c r="F52" s="219"/>
      <c r="G52" s="219"/>
      <c r="H52" s="219"/>
      <c r="I52" s="219"/>
    </row>
    <row r="53" spans="1:9">
      <c r="A53" s="22"/>
      <c r="B53" s="327" t="s">
        <v>31</v>
      </c>
      <c r="C53" s="328"/>
      <c r="D53" s="328"/>
      <c r="E53" s="219"/>
      <c r="F53" s="219"/>
      <c r="G53" s="219"/>
      <c r="H53" s="219"/>
      <c r="I53" s="219"/>
    </row>
    <row r="54" spans="1:9" ht="21">
      <c r="A54" s="29"/>
      <c r="B54" s="219"/>
      <c r="C54" s="219"/>
      <c r="D54" s="219"/>
      <c r="E54" s="219"/>
      <c r="F54" s="219"/>
      <c r="G54" s="219"/>
      <c r="H54" s="219"/>
      <c r="I54" s="219"/>
    </row>
    <row r="55" spans="1:9">
      <c r="A55" s="25">
        <v>4</v>
      </c>
      <c r="B55" s="26" t="s">
        <v>292</v>
      </c>
      <c r="C55" s="280"/>
      <c r="D55" s="280"/>
      <c r="E55" s="280"/>
      <c r="F55" s="280"/>
      <c r="G55" s="280"/>
      <c r="H55" s="280"/>
      <c r="I55" s="280"/>
    </row>
    <row r="56" spans="1:9" ht="16.5" customHeight="1">
      <c r="A56" s="29"/>
      <c r="B56" s="279" t="s">
        <v>293</v>
      </c>
      <c r="C56" s="280"/>
      <c r="D56" s="280"/>
      <c r="E56" s="280"/>
      <c r="F56" s="280"/>
      <c r="G56" s="280"/>
      <c r="H56" s="280"/>
      <c r="I56" s="280"/>
    </row>
    <row r="57" spans="1:9" ht="17.25" customHeight="1">
      <c r="A57" s="29"/>
      <c r="B57" s="279" t="s">
        <v>388</v>
      </c>
      <c r="C57" s="280"/>
      <c r="D57" s="280"/>
      <c r="E57" s="280"/>
      <c r="F57" s="280"/>
      <c r="G57" s="280"/>
      <c r="H57" s="280"/>
      <c r="I57" s="280"/>
    </row>
    <row r="58" spans="1:9" ht="21">
      <c r="A58" s="29"/>
      <c r="B58" s="280"/>
      <c r="C58" s="280"/>
      <c r="D58" s="280"/>
      <c r="E58" s="280"/>
      <c r="F58" s="280"/>
      <c r="G58" s="280"/>
      <c r="H58" s="280"/>
      <c r="I58" s="280"/>
    </row>
    <row r="59" spans="1:9">
      <c r="A59" s="25">
        <v>4</v>
      </c>
      <c r="B59" s="26" t="s">
        <v>294</v>
      </c>
      <c r="C59" s="280"/>
      <c r="D59" s="280"/>
      <c r="E59" s="280"/>
      <c r="F59" s="280"/>
      <c r="G59" s="280"/>
      <c r="H59" s="280"/>
      <c r="I59" s="280"/>
    </row>
    <row r="60" spans="1:9" ht="21">
      <c r="A60" s="29"/>
      <c r="B60" s="279" t="s">
        <v>407</v>
      </c>
      <c r="C60" s="280"/>
      <c r="D60" s="280"/>
      <c r="E60" s="280"/>
      <c r="F60" s="280"/>
      <c r="G60" s="280"/>
      <c r="H60" s="280"/>
      <c r="I60" s="280"/>
    </row>
    <row r="61" spans="1:9" ht="21">
      <c r="A61" s="29"/>
      <c r="B61" s="280"/>
      <c r="C61" s="280"/>
      <c r="D61" s="280"/>
      <c r="E61" s="280"/>
      <c r="F61" s="280"/>
      <c r="G61" s="280"/>
      <c r="H61" s="280"/>
      <c r="I61" s="280"/>
    </row>
    <row r="62" spans="1:9">
      <c r="A62" s="25">
        <v>4</v>
      </c>
      <c r="B62" s="30" t="s">
        <v>230</v>
      </c>
      <c r="C62" s="219"/>
      <c r="D62" s="219"/>
      <c r="E62" s="219"/>
      <c r="F62" s="219"/>
      <c r="G62" s="219"/>
      <c r="H62" s="219"/>
      <c r="I62" s="219"/>
    </row>
    <row r="63" spans="1:9">
      <c r="A63" s="22"/>
      <c r="B63" s="327" t="s">
        <v>239</v>
      </c>
      <c r="C63" s="328"/>
      <c r="D63" s="219"/>
      <c r="E63" s="219"/>
      <c r="F63" s="219"/>
      <c r="G63" s="219"/>
      <c r="H63" s="219"/>
      <c r="I63" s="219"/>
    </row>
    <row r="64" spans="1:9">
      <c r="A64" s="22"/>
      <c r="B64" s="327" t="s">
        <v>240</v>
      </c>
      <c r="C64" s="328"/>
      <c r="D64" s="328"/>
      <c r="E64" s="328"/>
      <c r="F64" s="219"/>
      <c r="G64" s="219"/>
      <c r="H64" s="219"/>
      <c r="I64" s="219"/>
    </row>
    <row r="65" spans="1:9" ht="21">
      <c r="A65" s="29"/>
      <c r="B65" s="219"/>
      <c r="C65" s="219"/>
      <c r="D65" s="219"/>
      <c r="E65" s="219"/>
      <c r="F65" s="219"/>
      <c r="G65" s="219"/>
      <c r="H65" s="219"/>
      <c r="I65" s="219"/>
    </row>
    <row r="66" spans="1:9">
      <c r="A66" s="25">
        <v>4</v>
      </c>
      <c r="B66" s="30" t="s">
        <v>38</v>
      </c>
      <c r="C66" s="219"/>
      <c r="D66" s="219"/>
      <c r="E66" s="219"/>
      <c r="F66" s="219"/>
      <c r="G66" s="219"/>
      <c r="H66" s="219"/>
      <c r="I66" s="219"/>
    </row>
    <row r="67" spans="1:9">
      <c r="A67" s="22"/>
      <c r="B67" s="327" t="s">
        <v>68</v>
      </c>
      <c r="C67" s="328"/>
      <c r="D67" s="328"/>
      <c r="E67" s="328"/>
      <c r="F67" s="26"/>
      <c r="G67" s="219"/>
      <c r="H67" s="219"/>
      <c r="I67" s="219"/>
    </row>
    <row r="68" spans="1:9">
      <c r="A68" s="22"/>
      <c r="B68" s="327"/>
      <c r="C68" s="328"/>
      <c r="D68" s="328"/>
      <c r="E68" s="328"/>
      <c r="F68" s="219"/>
      <c r="G68" s="26"/>
      <c r="H68" s="219"/>
      <c r="I68" s="219"/>
    </row>
    <row r="69" spans="1:9">
      <c r="A69" s="22">
        <v>4</v>
      </c>
      <c r="B69" s="30" t="s">
        <v>39</v>
      </c>
      <c r="C69" s="219"/>
      <c r="D69" s="219"/>
      <c r="E69" s="219"/>
      <c r="F69" s="219"/>
      <c r="G69" s="26"/>
      <c r="H69" s="219"/>
      <c r="I69" s="219"/>
    </row>
    <row r="70" spans="1:9">
      <c r="A70" s="22"/>
      <c r="B70" s="218" t="s">
        <v>69</v>
      </c>
      <c r="C70" s="219"/>
      <c r="D70" s="219"/>
      <c r="E70" s="219"/>
      <c r="F70" s="219"/>
      <c r="G70" s="26"/>
      <c r="H70" s="219"/>
      <c r="I70" s="219"/>
    </row>
    <row r="71" spans="1:9">
      <c r="A71" s="22"/>
      <c r="B71" s="218"/>
      <c r="C71" s="219"/>
      <c r="D71" s="219"/>
      <c r="E71" s="219"/>
      <c r="F71" s="219"/>
      <c r="G71" s="26"/>
      <c r="H71" s="219"/>
      <c r="I71" s="219"/>
    </row>
    <row r="72" spans="1:9">
      <c r="A72" s="25">
        <v>4</v>
      </c>
      <c r="B72" s="30" t="s">
        <v>4</v>
      </c>
      <c r="C72" s="219"/>
      <c r="D72" s="219"/>
      <c r="E72" s="219"/>
      <c r="F72" s="219"/>
      <c r="G72" s="219"/>
      <c r="H72" s="219"/>
      <c r="I72" s="219"/>
    </row>
    <row r="73" spans="1:9">
      <c r="A73" s="22"/>
      <c r="B73" s="327" t="s">
        <v>22</v>
      </c>
      <c r="C73" s="328"/>
      <c r="D73" s="328"/>
      <c r="E73" s="219"/>
      <c r="F73" s="219"/>
      <c r="G73" s="219"/>
      <c r="H73" s="219"/>
      <c r="I73" s="219"/>
    </row>
    <row r="74" spans="1:9">
      <c r="A74" s="22"/>
      <c r="B74" s="218"/>
      <c r="C74" s="219"/>
      <c r="D74" s="219"/>
      <c r="E74" s="219"/>
      <c r="F74" s="219"/>
      <c r="G74" s="219"/>
      <c r="H74" s="219"/>
      <c r="I74" s="219"/>
    </row>
    <row r="75" spans="1:9">
      <c r="A75" s="233" t="s">
        <v>70</v>
      </c>
      <c r="B75" s="218"/>
      <c r="C75" s="219"/>
      <c r="D75" s="219"/>
      <c r="E75" s="219"/>
      <c r="F75" s="219"/>
      <c r="G75" s="219"/>
      <c r="H75" s="219"/>
      <c r="I75" s="219"/>
    </row>
    <row r="76" spans="1:9">
      <c r="A76" s="22"/>
      <c r="B76" s="218"/>
      <c r="C76" s="219"/>
      <c r="D76" s="219"/>
      <c r="E76" s="219"/>
      <c r="F76" s="219"/>
      <c r="G76" s="219"/>
      <c r="H76" s="219"/>
      <c r="I76" s="219"/>
    </row>
    <row r="77" spans="1:9">
      <c r="A77" s="25">
        <v>5</v>
      </c>
      <c r="B77" s="232" t="s">
        <v>11</v>
      </c>
      <c r="C77" s="219"/>
      <c r="D77" s="219"/>
      <c r="E77" s="219"/>
      <c r="F77" s="219"/>
      <c r="G77" s="219"/>
      <c r="H77" s="219"/>
      <c r="I77" s="219"/>
    </row>
    <row r="78" spans="1:9">
      <c r="A78" s="22"/>
      <c r="B78" s="327" t="s">
        <v>23</v>
      </c>
      <c r="C78" s="328"/>
      <c r="D78" s="328"/>
      <c r="E78" s="219"/>
      <c r="F78" s="219"/>
      <c r="G78" s="219"/>
      <c r="H78" s="219"/>
      <c r="I78" s="219"/>
    </row>
    <row r="79" spans="1:9">
      <c r="A79" s="22"/>
      <c r="B79" s="218"/>
      <c r="C79" s="219"/>
      <c r="D79" s="219"/>
      <c r="E79" s="219"/>
      <c r="F79" s="219"/>
      <c r="G79" s="219"/>
      <c r="H79" s="219"/>
      <c r="I79" s="219"/>
    </row>
    <row r="80" spans="1:9">
      <c r="A80" s="22">
        <v>5</v>
      </c>
      <c r="B80" s="30" t="s">
        <v>43</v>
      </c>
      <c r="C80" s="219"/>
      <c r="D80" s="219"/>
      <c r="E80" s="219"/>
      <c r="F80" s="219"/>
      <c r="G80" s="219"/>
      <c r="H80" s="219"/>
      <c r="I80" s="219"/>
    </row>
    <row r="81" spans="1:9">
      <c r="A81" s="22"/>
      <c r="B81" s="218" t="s">
        <v>71</v>
      </c>
      <c r="C81" s="219"/>
      <c r="D81" s="219"/>
      <c r="E81" s="219"/>
      <c r="F81" s="219"/>
      <c r="G81" s="219"/>
      <c r="H81" s="219"/>
      <c r="I81" s="219"/>
    </row>
    <row r="82" spans="1:9">
      <c r="A82" s="22"/>
      <c r="B82" s="219"/>
      <c r="C82" s="219"/>
      <c r="D82" s="219"/>
      <c r="E82" s="219"/>
      <c r="F82" s="219"/>
      <c r="G82" s="219"/>
      <c r="H82" s="219"/>
      <c r="I82" s="219"/>
    </row>
    <row r="83" spans="1:9">
      <c r="A83" s="25">
        <v>5</v>
      </c>
      <c r="B83" s="30" t="s">
        <v>261</v>
      </c>
      <c r="C83" s="219"/>
      <c r="D83" s="219"/>
      <c r="E83" s="219"/>
      <c r="F83" s="219"/>
      <c r="G83" s="219"/>
      <c r="H83" s="219"/>
      <c r="I83" s="219"/>
    </row>
    <row r="84" spans="1:9">
      <c r="A84" s="22"/>
      <c r="B84" s="327" t="s">
        <v>72</v>
      </c>
      <c r="C84" s="328"/>
      <c r="D84" s="328"/>
      <c r="E84" s="219"/>
      <c r="F84" s="219"/>
      <c r="G84" s="219"/>
      <c r="H84" s="219"/>
      <c r="I84" s="219"/>
    </row>
    <row r="85" spans="1:9">
      <c r="A85" s="22"/>
      <c r="B85" s="327"/>
      <c r="C85" s="328"/>
      <c r="D85" s="328"/>
      <c r="E85" s="219"/>
      <c r="F85" s="219"/>
      <c r="G85" s="219"/>
      <c r="H85" s="219"/>
      <c r="I85" s="219"/>
    </row>
    <row r="86" spans="1:9">
      <c r="A86" s="22">
        <v>5</v>
      </c>
      <c r="B86" s="30" t="s">
        <v>44</v>
      </c>
      <c r="C86" s="219"/>
      <c r="D86" s="219"/>
      <c r="E86" s="219"/>
      <c r="F86" s="219"/>
      <c r="G86" s="219"/>
      <c r="H86" s="219"/>
      <c r="I86" s="219"/>
    </row>
    <row r="87" spans="1:9">
      <c r="A87" s="22"/>
      <c r="B87" s="327" t="s">
        <v>72</v>
      </c>
      <c r="C87" s="328"/>
      <c r="D87" s="328"/>
      <c r="E87" s="219"/>
      <c r="F87" s="219"/>
      <c r="G87" s="219"/>
      <c r="H87" s="219"/>
      <c r="I87" s="219"/>
    </row>
    <row r="88" spans="1:9">
      <c r="A88" s="22"/>
      <c r="B88" s="218"/>
      <c r="C88" s="219"/>
      <c r="D88" s="219"/>
      <c r="E88" s="219"/>
      <c r="F88" s="219"/>
      <c r="G88" s="219"/>
      <c r="H88" s="219"/>
      <c r="I88" s="219"/>
    </row>
    <row r="89" spans="1:9">
      <c r="A89" s="233" t="s">
        <v>45</v>
      </c>
      <c r="B89" s="218"/>
      <c r="C89" s="219"/>
      <c r="D89" s="219"/>
      <c r="E89" s="219"/>
      <c r="F89" s="219"/>
      <c r="G89" s="219"/>
      <c r="H89" s="219"/>
      <c r="I89" s="219"/>
    </row>
    <row r="90" spans="1:9">
      <c r="A90" s="22"/>
      <c r="B90" s="218"/>
      <c r="C90" s="219"/>
      <c r="D90" s="219"/>
      <c r="E90" s="219"/>
      <c r="F90" s="219"/>
      <c r="G90" s="219"/>
      <c r="H90" s="219"/>
      <c r="I90" s="219"/>
    </row>
    <row r="91" spans="1:9">
      <c r="A91" s="25">
        <v>6</v>
      </c>
      <c r="B91" s="232" t="s">
        <v>12</v>
      </c>
      <c r="C91" s="219"/>
      <c r="D91" s="219"/>
      <c r="E91" s="219"/>
      <c r="F91" s="219"/>
      <c r="G91" s="219"/>
      <c r="H91" s="219"/>
      <c r="I91" s="219"/>
    </row>
    <row r="92" spans="1:9">
      <c r="A92" s="22"/>
      <c r="B92" s="327" t="s">
        <v>24</v>
      </c>
      <c r="C92" s="328"/>
      <c r="D92" s="328"/>
      <c r="E92" s="219"/>
      <c r="F92" s="219"/>
      <c r="G92" s="219"/>
      <c r="H92" s="219"/>
      <c r="I92" s="219"/>
    </row>
    <row r="93" spans="1:9">
      <c r="A93" s="22"/>
      <c r="B93" s="327"/>
      <c r="C93" s="328"/>
      <c r="D93" s="328"/>
      <c r="E93" s="219"/>
      <c r="F93" s="219"/>
      <c r="G93" s="219"/>
      <c r="H93" s="219"/>
      <c r="I93" s="219"/>
    </row>
    <row r="94" spans="1:9">
      <c r="A94" s="22">
        <v>6</v>
      </c>
      <c r="B94" s="30" t="s">
        <v>46</v>
      </c>
      <c r="C94" s="219"/>
      <c r="D94" s="219"/>
      <c r="E94" s="219"/>
      <c r="F94" s="219"/>
      <c r="G94" s="219"/>
      <c r="H94" s="219"/>
      <c r="I94" s="219"/>
    </row>
    <row r="95" spans="1:9">
      <c r="A95" s="22"/>
      <c r="B95" s="218" t="s">
        <v>73</v>
      </c>
      <c r="C95" s="219"/>
      <c r="D95" s="219"/>
      <c r="E95" s="219"/>
      <c r="F95" s="219"/>
      <c r="G95" s="219"/>
      <c r="H95" s="219"/>
      <c r="I95" s="219"/>
    </row>
    <row r="96" spans="1:9">
      <c r="A96" s="22"/>
      <c r="B96" s="219"/>
      <c r="C96" s="219"/>
      <c r="D96" s="219"/>
      <c r="E96" s="219"/>
      <c r="F96" s="219"/>
      <c r="G96" s="219"/>
      <c r="H96" s="219"/>
      <c r="I96" s="219"/>
    </row>
    <row r="97" spans="1:9">
      <c r="A97" s="25">
        <v>6</v>
      </c>
      <c r="B97" s="30" t="s">
        <v>263</v>
      </c>
      <c r="C97" s="219"/>
      <c r="D97" s="219"/>
      <c r="E97" s="219"/>
      <c r="F97" s="219"/>
      <c r="G97" s="219"/>
      <c r="H97" s="219"/>
      <c r="I97" s="219"/>
    </row>
    <row r="98" spans="1:9">
      <c r="A98" s="22"/>
      <c r="B98" s="327" t="s">
        <v>25</v>
      </c>
      <c r="C98" s="328"/>
      <c r="D98" s="328"/>
      <c r="E98" s="219"/>
      <c r="F98" s="219"/>
      <c r="G98" s="219"/>
      <c r="H98" s="219"/>
      <c r="I98" s="219"/>
    </row>
    <row r="99" spans="1:9">
      <c r="A99" s="22"/>
      <c r="B99" s="327"/>
      <c r="C99" s="328"/>
      <c r="D99" s="328"/>
      <c r="E99" s="219"/>
      <c r="F99" s="219"/>
      <c r="G99" s="219"/>
      <c r="H99" s="219"/>
      <c r="I99" s="219"/>
    </row>
    <row r="100" spans="1:9">
      <c r="A100" s="22">
        <v>6</v>
      </c>
      <c r="B100" s="30" t="s">
        <v>47</v>
      </c>
      <c r="C100" s="219"/>
      <c r="D100" s="219"/>
      <c r="E100" s="219"/>
      <c r="F100" s="219"/>
      <c r="G100" s="219"/>
      <c r="H100" s="219"/>
      <c r="I100" s="219"/>
    </row>
    <row r="101" spans="1:9">
      <c r="A101" s="22"/>
      <c r="B101" s="218" t="s">
        <v>74</v>
      </c>
      <c r="C101" s="219"/>
      <c r="D101" s="219"/>
      <c r="E101" s="219"/>
      <c r="F101" s="219"/>
      <c r="G101" s="219"/>
      <c r="H101" s="219"/>
      <c r="I101" s="219"/>
    </row>
    <row r="102" spans="1:9">
      <c r="A102" s="22"/>
      <c r="B102" s="218"/>
      <c r="C102" s="219"/>
      <c r="D102" s="219"/>
      <c r="E102" s="219"/>
      <c r="F102" s="219"/>
      <c r="G102" s="219"/>
      <c r="H102" s="219"/>
      <c r="I102" s="219"/>
    </row>
    <row r="103" spans="1:9">
      <c r="A103" s="22">
        <v>6</v>
      </c>
      <c r="B103" s="30" t="s">
        <v>265</v>
      </c>
      <c r="C103" s="280"/>
      <c r="D103" s="280"/>
      <c r="E103" s="280"/>
      <c r="F103" s="280"/>
      <c r="G103" s="280"/>
      <c r="H103" s="280"/>
      <c r="I103" s="280"/>
    </row>
    <row r="104" spans="1:9">
      <c r="A104" s="22"/>
      <c r="B104" s="279" t="s">
        <v>74</v>
      </c>
      <c r="C104" s="280"/>
      <c r="D104" s="280"/>
      <c r="E104" s="280"/>
      <c r="F104" s="280"/>
      <c r="G104" s="280"/>
      <c r="H104" s="280"/>
      <c r="I104" s="280"/>
    </row>
    <row r="105" spans="1:9">
      <c r="A105" s="22"/>
      <c r="B105" s="279"/>
      <c r="C105" s="280"/>
      <c r="D105" s="280"/>
      <c r="E105" s="280"/>
      <c r="F105" s="280"/>
      <c r="G105" s="280"/>
      <c r="H105" s="280"/>
      <c r="I105" s="280"/>
    </row>
    <row r="106" spans="1:9">
      <c r="A106" s="22">
        <v>6</v>
      </c>
      <c r="B106" s="26" t="s">
        <v>30</v>
      </c>
      <c r="C106" s="219"/>
      <c r="D106" s="219"/>
      <c r="E106" s="219"/>
      <c r="F106" s="219"/>
      <c r="G106" s="219"/>
      <c r="H106" s="219"/>
      <c r="I106" s="219"/>
    </row>
    <row r="107" spans="1:9">
      <c r="A107" s="25"/>
      <c r="B107" s="219" t="s">
        <v>75</v>
      </c>
      <c r="C107" s="219"/>
      <c r="D107" s="219"/>
      <c r="E107" s="219"/>
      <c r="F107" s="219"/>
      <c r="G107" s="219"/>
      <c r="H107" s="219"/>
      <c r="I107" s="219"/>
    </row>
    <row r="108" spans="1:9">
      <c r="A108" s="22"/>
      <c r="B108" s="327"/>
      <c r="C108" s="328"/>
      <c r="D108" s="328"/>
      <c r="E108" s="219"/>
      <c r="F108" s="219"/>
      <c r="G108" s="219"/>
      <c r="H108" s="219"/>
      <c r="I108" s="219"/>
    </row>
    <row r="109" spans="1:9">
      <c r="A109" s="22">
        <v>6</v>
      </c>
      <c r="B109" s="30" t="s">
        <v>13</v>
      </c>
      <c r="C109" s="219"/>
      <c r="D109" s="219"/>
      <c r="E109" s="219"/>
      <c r="F109" s="219"/>
      <c r="G109" s="219"/>
      <c r="H109" s="219"/>
      <c r="I109" s="219"/>
    </row>
    <row r="110" spans="1:9">
      <c r="A110" s="31"/>
      <c r="B110" s="327" t="s">
        <v>14</v>
      </c>
      <c r="C110" s="328"/>
      <c r="D110" s="328"/>
      <c r="E110" s="219"/>
      <c r="F110" s="219"/>
      <c r="G110" s="219"/>
      <c r="H110" s="219"/>
      <c r="I110" s="219"/>
    </row>
    <row r="111" spans="1:9">
      <c r="A111" s="31"/>
      <c r="B111" s="218"/>
      <c r="C111" s="219"/>
      <c r="D111" s="219"/>
      <c r="E111" s="219"/>
      <c r="F111" s="219"/>
      <c r="G111" s="219"/>
      <c r="H111" s="219"/>
      <c r="I111" s="219"/>
    </row>
    <row r="112" spans="1:9">
      <c r="A112" s="233" t="s">
        <v>48</v>
      </c>
      <c r="B112" s="34"/>
      <c r="C112" s="35"/>
      <c r="D112" s="35"/>
      <c r="E112" s="219"/>
      <c r="F112" s="219"/>
      <c r="G112" s="219"/>
      <c r="H112" s="219"/>
      <c r="I112" s="219"/>
    </row>
    <row r="113" spans="1:9">
      <c r="A113" s="31"/>
      <c r="B113" s="30"/>
      <c r="C113" s="219"/>
      <c r="D113" s="219"/>
      <c r="E113" s="219"/>
      <c r="F113" s="219"/>
      <c r="G113" s="219"/>
      <c r="H113" s="219"/>
      <c r="I113" s="219"/>
    </row>
    <row r="114" spans="1:9">
      <c r="A114" s="25">
        <v>7</v>
      </c>
      <c r="B114" s="232" t="s">
        <v>271</v>
      </c>
      <c r="C114" s="219"/>
      <c r="D114" s="219"/>
      <c r="E114" s="219"/>
      <c r="F114" s="219"/>
      <c r="G114" s="219"/>
      <c r="H114" s="219"/>
      <c r="I114" s="219"/>
    </row>
    <row r="115" spans="1:9">
      <c r="A115" s="31"/>
      <c r="B115" s="327" t="s">
        <v>408</v>
      </c>
      <c r="C115" s="328"/>
      <c r="D115" s="328"/>
      <c r="E115" s="219"/>
      <c r="F115" s="219"/>
      <c r="G115" s="219"/>
      <c r="H115" s="219"/>
      <c r="I115" s="219"/>
    </row>
    <row r="116" spans="1:9">
      <c r="A116" s="31"/>
      <c r="B116" s="327"/>
      <c r="C116" s="328"/>
      <c r="D116" s="328"/>
      <c r="E116" s="219"/>
      <c r="F116" s="219"/>
      <c r="G116" s="219"/>
      <c r="H116" s="219"/>
      <c r="I116" s="219"/>
    </row>
    <row r="117" spans="1:9">
      <c r="A117" s="25">
        <v>7</v>
      </c>
      <c r="B117" s="30" t="s">
        <v>49</v>
      </c>
      <c r="C117" s="219"/>
      <c r="D117" s="219"/>
      <c r="E117" s="219"/>
      <c r="F117" s="219"/>
      <c r="G117" s="219"/>
      <c r="H117" s="219"/>
      <c r="I117" s="219"/>
    </row>
    <row r="118" spans="1:9">
      <c r="A118" s="31"/>
      <c r="B118" s="218" t="s">
        <v>76</v>
      </c>
      <c r="C118" s="219"/>
      <c r="D118" s="219"/>
      <c r="E118" s="219"/>
      <c r="F118" s="219"/>
      <c r="G118" s="219"/>
      <c r="H118" s="219"/>
      <c r="I118" s="219"/>
    </row>
    <row r="119" spans="1:9">
      <c r="A119" s="31"/>
      <c r="B119" s="218"/>
      <c r="C119" s="219"/>
      <c r="D119" s="219"/>
      <c r="E119" s="219"/>
      <c r="F119" s="219"/>
      <c r="G119" s="219"/>
      <c r="H119" s="219"/>
      <c r="I119" s="219"/>
    </row>
    <row r="120" spans="1:9">
      <c r="A120" s="25">
        <v>7</v>
      </c>
      <c r="B120" s="30" t="s">
        <v>50</v>
      </c>
      <c r="C120" s="219"/>
      <c r="D120" s="219"/>
      <c r="E120" s="219"/>
      <c r="F120" s="219"/>
      <c r="G120" s="219"/>
      <c r="H120" s="219"/>
      <c r="I120" s="219"/>
    </row>
    <row r="121" spans="1:9">
      <c r="A121" s="31"/>
      <c r="B121" s="218" t="s">
        <v>77</v>
      </c>
      <c r="C121" s="219"/>
      <c r="D121" s="219"/>
      <c r="E121" s="219"/>
      <c r="F121" s="219"/>
      <c r="G121" s="219"/>
      <c r="H121" s="219"/>
      <c r="I121" s="219"/>
    </row>
    <row r="122" spans="1:9">
      <c r="A122" s="25"/>
      <c r="B122" s="218"/>
      <c r="C122" s="219"/>
      <c r="D122" s="219"/>
      <c r="E122" s="219"/>
      <c r="F122" s="219"/>
      <c r="G122" s="219"/>
      <c r="H122" s="219"/>
      <c r="I122" s="219"/>
    </row>
    <row r="123" spans="1:9">
      <c r="A123" s="25">
        <v>7</v>
      </c>
      <c r="B123" s="30" t="s">
        <v>274</v>
      </c>
      <c r="C123" s="219"/>
      <c r="D123" s="219"/>
      <c r="E123" s="219"/>
      <c r="F123" s="219"/>
      <c r="G123" s="219"/>
      <c r="H123" s="219"/>
      <c r="I123" s="219"/>
    </row>
    <row r="124" spans="1:9">
      <c r="A124" s="25"/>
      <c r="B124" s="279" t="s">
        <v>409</v>
      </c>
      <c r="C124" s="219"/>
      <c r="D124" s="219"/>
      <c r="E124" s="219"/>
      <c r="F124" s="219"/>
      <c r="G124" s="219"/>
      <c r="H124" s="219"/>
      <c r="I124" s="219"/>
    </row>
    <row r="125" spans="1:9">
      <c r="A125" s="25"/>
      <c r="B125" s="218"/>
      <c r="C125" s="219"/>
      <c r="D125" s="219"/>
      <c r="E125" s="219"/>
      <c r="F125" s="219"/>
      <c r="G125" s="219"/>
      <c r="H125" s="219"/>
      <c r="I125" s="219"/>
    </row>
    <row r="126" spans="1:9">
      <c r="A126" s="25">
        <v>7</v>
      </c>
      <c r="B126" s="30" t="s">
        <v>15</v>
      </c>
      <c r="C126" s="219"/>
      <c r="D126" s="219"/>
      <c r="E126" s="219"/>
      <c r="F126" s="219"/>
      <c r="G126" s="219"/>
      <c r="H126" s="219"/>
      <c r="I126" s="219"/>
    </row>
    <row r="127" spans="1:9">
      <c r="A127" s="31"/>
      <c r="B127" s="327" t="s">
        <v>26</v>
      </c>
      <c r="C127" s="328"/>
      <c r="D127" s="328"/>
      <c r="E127" s="219"/>
      <c r="F127" s="219"/>
      <c r="G127" s="219"/>
      <c r="H127" s="219"/>
      <c r="I127" s="219"/>
    </row>
    <row r="128" spans="1:9">
      <c r="A128" s="25"/>
      <c r="B128" s="218"/>
      <c r="C128" s="219"/>
      <c r="D128" s="219"/>
      <c r="E128" s="219"/>
      <c r="F128" s="219"/>
      <c r="G128" s="219"/>
      <c r="H128" s="219"/>
      <c r="I128" s="219"/>
    </row>
    <row r="129" spans="1:9">
      <c r="A129" s="25">
        <v>7</v>
      </c>
      <c r="B129" s="30" t="s">
        <v>78</v>
      </c>
      <c r="C129" s="219"/>
      <c r="D129" s="219"/>
      <c r="E129" s="219"/>
      <c r="F129" s="219"/>
      <c r="G129" s="219"/>
      <c r="H129" s="219"/>
      <c r="I129" s="219"/>
    </row>
    <row r="130" spans="1:9">
      <c r="A130" s="31"/>
      <c r="B130" s="218" t="s">
        <v>79</v>
      </c>
      <c r="C130" s="219"/>
      <c r="D130" s="219"/>
      <c r="E130" s="219"/>
      <c r="F130" s="219"/>
      <c r="G130" s="219"/>
      <c r="H130" s="219"/>
      <c r="I130" s="219"/>
    </row>
    <row r="131" spans="1:9">
      <c r="A131" s="31"/>
      <c r="B131" s="218"/>
      <c r="C131" s="219"/>
      <c r="D131" s="219"/>
      <c r="E131" s="219"/>
      <c r="F131" s="219"/>
      <c r="G131" s="219"/>
      <c r="H131" s="219"/>
      <c r="I131" s="219"/>
    </row>
    <row r="132" spans="1:9">
      <c r="A132" s="25">
        <v>7</v>
      </c>
      <c r="B132" s="263" t="s">
        <v>51</v>
      </c>
      <c r="C132" s="25"/>
      <c r="D132" s="25"/>
      <c r="E132" s="219"/>
      <c r="F132" s="219"/>
      <c r="G132" s="219"/>
      <c r="H132" s="219"/>
      <c r="I132" s="219"/>
    </row>
    <row r="133" spans="1:9">
      <c r="A133" s="25"/>
      <c r="B133" s="25" t="s">
        <v>27</v>
      </c>
      <c r="C133" s="25"/>
      <c r="D133" s="25"/>
      <c r="E133" s="219"/>
      <c r="F133" s="219"/>
      <c r="G133" s="219"/>
      <c r="H133" s="219"/>
      <c r="I133" s="219"/>
    </row>
    <row r="134" spans="1:9">
      <c r="A134" s="25"/>
      <c r="B134" s="25"/>
      <c r="C134" s="25"/>
      <c r="D134" s="25"/>
      <c r="E134" s="219"/>
      <c r="F134" s="219"/>
      <c r="G134" s="219"/>
      <c r="H134" s="219"/>
      <c r="I134" s="219"/>
    </row>
    <row r="135" spans="1:9">
      <c r="A135" s="25">
        <v>7</v>
      </c>
      <c r="B135" s="263" t="s">
        <v>52</v>
      </c>
      <c r="C135" s="25"/>
      <c r="D135" s="25"/>
      <c r="E135" s="219"/>
      <c r="F135" s="219"/>
      <c r="G135" s="219"/>
      <c r="H135" s="219"/>
      <c r="I135" s="219"/>
    </row>
    <row r="136" spans="1:9">
      <c r="A136" s="25"/>
      <c r="B136" s="25" t="s">
        <v>80</v>
      </c>
      <c r="C136" s="25"/>
      <c r="D136" s="25"/>
      <c r="E136" s="219"/>
      <c r="F136" s="219"/>
      <c r="G136" s="219"/>
      <c r="H136" s="219"/>
      <c r="I136" s="219"/>
    </row>
    <row r="137" spans="1:9">
      <c r="A137" s="31"/>
      <c r="B137" s="218"/>
      <c r="C137" s="219"/>
      <c r="D137" s="219"/>
      <c r="E137" s="219"/>
      <c r="F137" s="219"/>
      <c r="G137" s="219"/>
      <c r="H137" s="219"/>
      <c r="I137" s="219"/>
    </row>
    <row r="138" spans="1:9">
      <c r="A138" s="25">
        <v>7</v>
      </c>
      <c r="B138" s="263" t="s">
        <v>16</v>
      </c>
      <c r="C138" s="219"/>
      <c r="D138" s="219"/>
      <c r="E138" s="219"/>
      <c r="F138" s="219"/>
      <c r="G138" s="219"/>
      <c r="H138" s="219"/>
      <c r="I138" s="219"/>
    </row>
    <row r="139" spans="1:9">
      <c r="A139" s="31"/>
      <c r="B139" s="327" t="s">
        <v>28</v>
      </c>
      <c r="C139" s="328"/>
      <c r="D139" s="328"/>
      <c r="E139" s="219"/>
      <c r="F139" s="219"/>
      <c r="G139" s="219"/>
      <c r="H139" s="219"/>
      <c r="I139" s="219"/>
    </row>
    <row r="140" spans="1:9">
      <c r="A140" s="31"/>
      <c r="B140" s="218"/>
      <c r="C140" s="219"/>
      <c r="D140" s="219"/>
      <c r="E140" s="219"/>
      <c r="F140" s="219"/>
      <c r="G140" s="219"/>
      <c r="H140" s="219"/>
      <c r="I140" s="219"/>
    </row>
    <row r="141" spans="1:9">
      <c r="A141" s="25">
        <v>7</v>
      </c>
      <c r="B141" s="30" t="s">
        <v>53</v>
      </c>
      <c r="C141" s="219"/>
      <c r="D141" s="219"/>
      <c r="E141" s="219"/>
      <c r="F141" s="219"/>
      <c r="G141" s="219"/>
      <c r="H141" s="219"/>
      <c r="I141" s="219"/>
    </row>
    <row r="142" spans="1:9">
      <c r="A142" s="31"/>
      <c r="B142" s="25" t="s">
        <v>81</v>
      </c>
      <c r="C142" s="219"/>
      <c r="D142" s="219"/>
      <c r="E142" s="219"/>
      <c r="F142" s="219"/>
      <c r="G142" s="219"/>
      <c r="H142" s="219"/>
      <c r="I142" s="219"/>
    </row>
    <row r="143" spans="1:9">
      <c r="A143" s="31"/>
      <c r="B143" s="218"/>
      <c r="C143" s="219"/>
      <c r="D143" s="219"/>
      <c r="E143" s="219"/>
      <c r="F143" s="219"/>
      <c r="G143" s="219"/>
      <c r="H143" s="219"/>
      <c r="I143" s="219"/>
    </row>
    <row r="144" spans="1:9">
      <c r="A144" s="233" t="s">
        <v>54</v>
      </c>
      <c r="B144" s="34"/>
      <c r="C144" s="34"/>
      <c r="D144" s="34"/>
      <c r="E144" s="219"/>
      <c r="F144" s="219"/>
      <c r="G144" s="219"/>
      <c r="H144" s="219"/>
      <c r="I144" s="219"/>
    </row>
    <row r="145" spans="1:9">
      <c r="A145" s="31"/>
      <c r="B145" s="30"/>
      <c r="C145" s="219"/>
      <c r="D145" s="219"/>
      <c r="E145" s="219"/>
      <c r="F145" s="219"/>
      <c r="G145" s="219"/>
      <c r="H145" s="219"/>
      <c r="I145" s="219"/>
    </row>
    <row r="146" spans="1:9">
      <c r="A146" s="25">
        <v>8</v>
      </c>
      <c r="B146" s="232" t="s">
        <v>17</v>
      </c>
      <c r="C146" s="219"/>
      <c r="D146" s="219"/>
      <c r="E146" s="219"/>
      <c r="F146" s="219"/>
      <c r="G146" s="219"/>
      <c r="H146" s="219"/>
      <c r="I146" s="219"/>
    </row>
    <row r="147" spans="1:9">
      <c r="A147" s="31"/>
      <c r="B147" s="327" t="s">
        <v>29</v>
      </c>
      <c r="C147" s="328"/>
      <c r="D147" s="328"/>
      <c r="E147" s="219"/>
      <c r="F147" s="219"/>
      <c r="G147" s="219"/>
      <c r="H147" s="219"/>
      <c r="I147" s="219"/>
    </row>
    <row r="148" spans="1:9">
      <c r="A148" s="31"/>
      <c r="B148" s="327"/>
      <c r="C148" s="328"/>
      <c r="D148" s="328"/>
      <c r="E148" s="219"/>
      <c r="F148" s="219"/>
      <c r="G148" s="219"/>
      <c r="H148" s="219"/>
      <c r="I148" s="219"/>
    </row>
    <row r="149" spans="1:9">
      <c r="A149" s="22">
        <v>8</v>
      </c>
      <c r="B149" s="26" t="s">
        <v>55</v>
      </c>
      <c r="C149" s="219"/>
      <c r="D149" s="219"/>
      <c r="E149" s="219"/>
      <c r="F149" s="219"/>
      <c r="G149" s="219"/>
      <c r="H149" s="219"/>
      <c r="I149" s="219"/>
    </row>
    <row r="150" spans="1:9">
      <c r="A150" s="22"/>
      <c r="B150" s="25" t="s">
        <v>177</v>
      </c>
      <c r="C150" s="219"/>
      <c r="D150" s="219"/>
      <c r="E150" s="219"/>
      <c r="F150" s="219"/>
      <c r="G150" s="219"/>
      <c r="H150" s="219"/>
      <c r="I150" s="219"/>
    </row>
    <row r="151" spans="1:9">
      <c r="A151" s="22"/>
      <c r="B151" s="219"/>
      <c r="C151" s="219"/>
      <c r="D151" s="219"/>
      <c r="E151" s="219"/>
      <c r="F151" s="219"/>
      <c r="G151" s="219"/>
      <c r="H151" s="219"/>
      <c r="I151" s="219"/>
    </row>
    <row r="152" spans="1:9">
      <c r="A152" s="22"/>
      <c r="B152" s="219"/>
      <c r="C152" s="219"/>
      <c r="D152" s="219"/>
      <c r="E152" s="219"/>
      <c r="F152" s="219"/>
      <c r="G152" s="219"/>
      <c r="H152" s="219"/>
      <c r="I152" s="219"/>
    </row>
  </sheetData>
  <mergeCells count="30">
    <mergeCell ref="B148:D148"/>
    <mergeCell ref="B116:D116"/>
    <mergeCell ref="B110:D110"/>
    <mergeCell ref="B115:D115"/>
    <mergeCell ref="B139:D139"/>
    <mergeCell ref="B147:D147"/>
    <mergeCell ref="B127:D127"/>
    <mergeCell ref="A1:D1"/>
    <mergeCell ref="B8:F8"/>
    <mergeCell ref="B52:D52"/>
    <mergeCell ref="B53:D53"/>
    <mergeCell ref="B35:E35"/>
    <mergeCell ref="B11:D11"/>
    <mergeCell ref="B22:G22"/>
    <mergeCell ref="A30:C30"/>
    <mergeCell ref="B44:C44"/>
    <mergeCell ref="B63:C63"/>
    <mergeCell ref="B98:D98"/>
    <mergeCell ref="B99:D99"/>
    <mergeCell ref="B78:D78"/>
    <mergeCell ref="B64:E64"/>
    <mergeCell ref="B108:D108"/>
    <mergeCell ref="B73:D73"/>
    <mergeCell ref="B85:D85"/>
    <mergeCell ref="B67:E67"/>
    <mergeCell ref="B93:D93"/>
    <mergeCell ref="B84:D84"/>
    <mergeCell ref="B92:D92"/>
    <mergeCell ref="B68:E68"/>
    <mergeCell ref="B87:D87"/>
  </mergeCells>
  <hyperlinks>
    <hyperlink ref="A34:B34" location="'02'!A29" display="'02'!A29" xr:uid="{00000000-0004-0000-0300-000000000000}"/>
    <hyperlink ref="A43:B43" location="'02'!A42" display="'02'!A42" xr:uid="{00000000-0004-0000-0300-000001000000}"/>
    <hyperlink ref="A66:B66" location="'02'!A55" display="'02'!A55" xr:uid="{00000000-0004-0000-0300-000002000000}"/>
    <hyperlink ref="A72:B72" location="'02'!A68" display="'02'!A68" xr:uid="{00000000-0004-0000-0300-000003000000}"/>
    <hyperlink ref="B7" location="'1 IndividualWellbeing'!A3" display="Global Life Satisfaction" xr:uid="{00000000-0004-0000-0300-000005000000}"/>
    <hyperlink ref="B51" location="'4 HumanCapital'!A3" display="General health" xr:uid="{00000000-0004-0000-0300-000006000000}"/>
    <hyperlink ref="B62" location="'4 HumanCapital'!A93" display="K6 psychological distress" xr:uid="{00000000-0004-0000-0300-000007000000}"/>
    <hyperlink ref="B34" location="'3 FinancialCapital'!A3" display="Household financial wellbeing" xr:uid="{00000000-0004-0000-0300-000008000000}"/>
    <hyperlink ref="B43" location="'3 FinancialCapital'!A93" display="Community economic wellbeing" xr:uid="{00000000-0004-0000-0300-000009000000}"/>
    <hyperlink ref="B66" location="'4 HumanCapital'!A123" display="Self-efficacy" xr:uid="{00000000-0004-0000-0300-00000A000000}"/>
    <hyperlink ref="B72" location="'4 HumanCapital'!A183" display="Community leadership and collaboration" xr:uid="{00000000-0004-0000-0300-00000B000000}"/>
    <hyperlink ref="A77:B77" location="'02'!A68" display="'02'!A68" xr:uid="{00000000-0004-0000-0300-00000C000000}"/>
    <hyperlink ref="B77" location="'5 InstitutionalCapital'!A3" display="Having a say and being heard" xr:uid="{00000000-0004-0000-0300-00000D000000}"/>
    <hyperlink ref="A83:B83" location="'02'!A68" display="'02'!A68" xr:uid="{00000000-0004-0000-0300-00000E000000}"/>
    <hyperlink ref="B83" location="'5 InstitutionalCapital'!A63" display="Contributing to local governance" xr:uid="{00000000-0004-0000-0300-00000F000000}"/>
    <hyperlink ref="A91:B91" location="'02'!A68" display="'02'!A68" xr:uid="{00000000-0004-0000-0300-000010000000}"/>
    <hyperlink ref="B91" location="'6 SocialCapital'!A3" display="Spending time with friends and family" xr:uid="{00000000-0004-0000-0300-000011000000}"/>
    <hyperlink ref="A97:B97" location="'02'!A68" display="'02'!A68" xr:uid="{00000000-0004-0000-0300-000012000000}"/>
    <hyperlink ref="B97" location="'6 SocialCapital'!A63" display="Getting involved in the community" xr:uid="{00000000-0004-0000-0300-000013000000}"/>
    <hyperlink ref="B109" location="'6 SocialCapital'!A183" display="Sense of belonging" xr:uid="{00000000-0004-0000-0300-000014000000}"/>
    <hyperlink ref="A114:B114" location="'02'!A68" display="'02'!A68" xr:uid="{00000000-0004-0000-0300-000015000000}"/>
    <hyperlink ref="B114" location="'7 PhysicalCapital'!A3" display="Access to health, education, aged care and child care " xr:uid="{00000000-0004-0000-0300-000016000000}"/>
    <hyperlink ref="B126" location="'7 PhysicalCapital'!A123" display="Access to telecommunications" xr:uid="{00000000-0004-0000-0300-000017000000}"/>
    <hyperlink ref="B132" location="'7 PhysicalCapital'!A183" display="Crime and safety in the local community" xr:uid="{00000000-0004-0000-0300-000018000000}"/>
    <hyperlink ref="B138" location="'7 PhysicalCapital'!A243" display="Landscape and aesthetics" xr:uid="{00000000-0004-0000-0300-000019000000}"/>
    <hyperlink ref="B146" location="'8 NaturalCapital'!A3" display="Perceived environmental health" xr:uid="{00000000-0004-0000-0300-00001A000000}"/>
    <hyperlink ref="B10" location="'1 IndividualWellbeing'!A33" display="Personal Wellbeing Index" xr:uid="{00000000-0004-0000-0300-00001B000000}"/>
    <hyperlink ref="B21" location="'2 CommunityWellbeing'!A3" display="Community wellbeing measures" xr:uid="{00000000-0004-0000-0300-00001C000000}"/>
    <hyperlink ref="B13" location="'1 IndividualWellbeing'!A63" display="Personal wellbeing domains" xr:uid="{00000000-0004-0000-0300-00001D000000}"/>
    <hyperlink ref="B16" location="'1 IndividualWellbeing'!A93" display="Eudaimonic wellbeing" xr:uid="{00000000-0004-0000-0300-00001E000000}"/>
    <hyperlink ref="B24" location="'2 CommunityWellbeing'!A33" display="Changes in community liveability" xr:uid="{00000000-0004-0000-0300-00001F000000}"/>
    <hyperlink ref="B27" location="'2 CommunityWellbeing'!A63" display="Migration" xr:uid="{00000000-0004-0000-0300-000020000000}"/>
    <hyperlink ref="A5" location="'1 IndividualWellbeing'!A1" display="Wellbeing of people" xr:uid="{00000000-0004-0000-0300-000021000000}"/>
    <hyperlink ref="A19" location="'2 CommunityWellbeing'!A1" display="Wellbeing of communities" xr:uid="{00000000-0004-0000-0300-000022000000}"/>
    <hyperlink ref="A32" location="'3 FinancialCapital'!A1" display="Financial capital" xr:uid="{00000000-0004-0000-0300-000023000000}"/>
    <hyperlink ref="A49" location="'4 HumanCapital'!A1" display="Human capital" xr:uid="{00000000-0004-0000-0300-000024000000}"/>
    <hyperlink ref="B37" location="'3 FinancialCapital'!A33" display="Household financial measures" xr:uid="{00000000-0004-0000-0300-000025000000}"/>
    <hyperlink ref="B40" location="'3 FinancialCapital'!A63" display="Financial distress" xr:uid="{00000000-0004-0000-0300-000026000000}"/>
    <hyperlink ref="B46" location="'3 FinancialCapital'!A126" display="Community economic measures" xr:uid="{00000000-0004-0000-0300-000027000000}"/>
    <hyperlink ref="B69" location="'4 HumanCapital'!A153" display="Self-efficacy measures" xr:uid="{00000000-0004-0000-0300-000028000000}"/>
    <hyperlink ref="A75" location="'5 InstitutionalCapital'!A1" display="Institutional Capital" xr:uid="{00000000-0004-0000-0300-00002A000000}"/>
    <hyperlink ref="B80" location="'5 InstitutionalCapital'!A33" display="Having a say and being heard measures" xr:uid="{00000000-0004-0000-0300-00002B000000}"/>
    <hyperlink ref="A89" location="'6 SocialCapital'!A1" display="Social capital" xr:uid="{00000000-0004-0000-0300-00002D000000}"/>
    <hyperlink ref="B94" location="'6 SocialCapital'!A33" display="Spending time with friends and family measures" xr:uid="{00000000-0004-0000-0300-00002E000000}"/>
    <hyperlink ref="B100" location="'6 SocialCapital'!A93" display="Getting involved measures" xr:uid="{00000000-0004-0000-0300-00002F000000}"/>
    <hyperlink ref="B106" location="'6 SocialCapital'!A153" display="Volunteering" xr:uid="{00000000-0004-0000-0300-000030000000}"/>
    <hyperlink ref="A112" location="'7 PhysicalCapital'!A1" display="Physical capital" xr:uid="{00000000-0004-0000-0300-000032000000}"/>
    <hyperlink ref="B117" location="'7 PhysicalCapital'!A33" display="Access to roads and public transport " xr:uid="{00000000-0004-0000-0300-000034000000}"/>
    <hyperlink ref="B120" location="'7 PhysicalCapital'!A63" display="Access to food and retail shops" xr:uid="{00000000-0004-0000-0300-000036000000}"/>
    <hyperlink ref="B123" location="'7 PhysicalCapital'!A93" display="Access to local government services" xr:uid="{00000000-0004-0000-0300-000037000000}"/>
    <hyperlink ref="B129" location="'7 PhysicalCapital'!A153" display="Access to telecommunications measures" xr:uid="{00000000-0004-0000-0300-00003A000000}"/>
    <hyperlink ref="B135" location="'7 PhysicalCapital'!A213" display="Crime and safety in the local community measures" xr:uid="{00000000-0004-0000-0300-00003B000000}"/>
    <hyperlink ref="B141" location="'7 PhysicalCapital'!A273" display="Landscape and aesthetics measures" xr:uid="{00000000-0004-0000-0300-00003C000000}"/>
    <hyperlink ref="A144" location="'8 NaturalCapital'!A1" display="Natural capital" xr:uid="{00000000-0004-0000-0300-00003D000000}"/>
    <hyperlink ref="B149" location="'8 NaturalCapital'!A33" display="Perceived environmental health measures" xr:uid="{00000000-0004-0000-0300-00003E000000}"/>
    <hyperlink ref="B55" location="'4 HumanCapital'!A33" display="Wellbeing - Emotional Affect Index  " xr:uid="{0A2BC5AA-49A5-471A-B57E-08158437E4BE}"/>
    <hyperlink ref="B59" location="'4 HumanCapital'!A63" display="Wellbeing - Emotional Affect individual measures" xr:uid="{117F2F2D-1F22-4748-A68F-D44B59701561}"/>
    <hyperlink ref="B86" location="'5 InstitutionalCapital'!A93" display="Equity and inclusion" xr:uid="{2B553CC1-7F91-4CC8-AD15-4FA43EFFA364}"/>
    <hyperlink ref="B103" location="'6 SocialCapital'!A123" display="Quality of community events" xr:uid="{DB1F4B2B-B0C4-4C2E-9067-83CA6D2D488B}"/>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151"/>
  <sheetViews>
    <sheetView zoomScaleNormal="100" zoomScalePageLayoutView="75" workbookViewId="0">
      <selection activeCell="A94" sqref="A94:H94"/>
    </sheetView>
  </sheetViews>
  <sheetFormatPr defaultColWidth="20.28515625" defaultRowHeight="15"/>
  <cols>
    <col min="1" max="1" width="48.7109375" style="1" customWidth="1"/>
    <col min="2" max="4" width="20.28515625" style="1" customWidth="1"/>
    <col min="5" max="6" width="20.28515625" style="5" customWidth="1"/>
    <col min="7" max="19" width="20.28515625" style="1"/>
    <col min="20" max="20" width="20.28515625" style="316"/>
    <col min="21" max="16384" width="20.28515625" style="1"/>
  </cols>
  <sheetData>
    <row r="1" spans="1:20" ht="31.5">
      <c r="A1" s="33" t="s">
        <v>63</v>
      </c>
    </row>
    <row r="3" spans="1:20" ht="18.75">
      <c r="A3" s="335" t="s">
        <v>82</v>
      </c>
      <c r="B3" s="335"/>
      <c r="C3" s="335"/>
      <c r="D3" s="335"/>
      <c r="E3" s="335"/>
      <c r="F3" s="335"/>
      <c r="G3" s="335"/>
      <c r="H3" s="335"/>
    </row>
    <row r="4" spans="1:20" ht="63" customHeight="1">
      <c r="A4" s="334" t="s">
        <v>83</v>
      </c>
      <c r="B4" s="334"/>
      <c r="C4" s="334"/>
      <c r="D4" s="334"/>
      <c r="E4" s="334"/>
      <c r="F4" s="334"/>
      <c r="G4" s="334"/>
      <c r="H4" s="334"/>
    </row>
    <row r="5" spans="1:20" ht="40.5" customHeight="1">
      <c r="A5" s="341" t="s">
        <v>84</v>
      </c>
      <c r="B5" s="342"/>
      <c r="C5" s="342"/>
      <c r="D5" s="342"/>
      <c r="E5" s="342"/>
      <c r="F5" s="342"/>
      <c r="G5" s="342"/>
      <c r="H5" s="342"/>
    </row>
    <row r="6" spans="1:20" ht="45" customHeight="1">
      <c r="A6" s="37" t="s">
        <v>85</v>
      </c>
      <c r="B6" s="38" t="s">
        <v>86</v>
      </c>
      <c r="C6" s="39" t="s">
        <v>87</v>
      </c>
      <c r="D6" s="40" t="s">
        <v>88</v>
      </c>
      <c r="E6" s="38" t="s">
        <v>398</v>
      </c>
      <c r="F6" s="40" t="s">
        <v>402</v>
      </c>
      <c r="G6" s="39" t="s">
        <v>400</v>
      </c>
      <c r="H6" s="40" t="s">
        <v>402</v>
      </c>
    </row>
    <row r="7" spans="1:20" ht="60">
      <c r="A7" s="41"/>
      <c r="B7" s="42" t="s">
        <v>89</v>
      </c>
      <c r="C7" s="43" t="s">
        <v>90</v>
      </c>
      <c r="D7" s="44" t="s">
        <v>91</v>
      </c>
      <c r="E7" s="42" t="s">
        <v>399</v>
      </c>
      <c r="F7" s="91" t="s">
        <v>104</v>
      </c>
      <c r="G7" s="125" t="s">
        <v>401</v>
      </c>
      <c r="H7" s="91" t="s">
        <v>104</v>
      </c>
    </row>
    <row r="8" spans="1:20">
      <c r="A8" s="45" t="s">
        <v>424</v>
      </c>
      <c r="B8" s="46">
        <v>10765</v>
      </c>
      <c r="C8" s="47">
        <v>71.107271693621257</v>
      </c>
      <c r="D8" s="48">
        <v>0.37240000000000001</v>
      </c>
      <c r="E8" s="284">
        <v>0.21129637167984341</v>
      </c>
      <c r="F8" s="282">
        <v>7.8691150813056249E-3</v>
      </c>
      <c r="G8" s="284">
        <v>0.44223960828991737</v>
      </c>
      <c r="H8" s="282">
        <v>9.5718777259957942E-3</v>
      </c>
    </row>
    <row r="9" spans="1:20">
      <c r="A9" s="49" t="s">
        <v>425</v>
      </c>
      <c r="B9" s="50">
        <v>8628</v>
      </c>
      <c r="C9" s="51">
        <v>72.033155499690523</v>
      </c>
      <c r="D9" s="52">
        <v>0.41845088882719866</v>
      </c>
      <c r="E9" s="285">
        <v>0.18847712507970982</v>
      </c>
      <c r="F9" s="283">
        <v>8.4213478982355459E-3</v>
      </c>
      <c r="G9" s="285">
        <v>0.47128157181724678</v>
      </c>
      <c r="H9" s="283">
        <v>1.0745519058104679E-2</v>
      </c>
    </row>
    <row r="10" spans="1:20" s="5" customFormat="1">
      <c r="A10" s="53" t="s">
        <v>426</v>
      </c>
      <c r="B10" s="46">
        <v>1973</v>
      </c>
      <c r="C10" s="47">
        <v>68.900000000000006</v>
      </c>
      <c r="D10" s="48">
        <v>0.98</v>
      </c>
      <c r="E10" s="284">
        <v>0.252</v>
      </c>
      <c r="F10" s="282">
        <v>1.9541772765066311E-2</v>
      </c>
      <c r="G10" s="284">
        <v>0.37</v>
      </c>
      <c r="H10" s="282">
        <v>2.1720080486313968E-2</v>
      </c>
      <c r="T10" s="316"/>
    </row>
    <row r="11" spans="1:20" s="5" customFormat="1">
      <c r="A11" s="49" t="s">
        <v>427</v>
      </c>
      <c r="B11" s="46">
        <v>8254</v>
      </c>
      <c r="C11" s="47">
        <v>71.099999999999994</v>
      </c>
      <c r="D11" s="48">
        <v>0.39200000000000002</v>
      </c>
      <c r="E11" s="284">
        <v>0.21199999999999999</v>
      </c>
      <c r="F11" s="282">
        <v>8.9976271236766169E-3</v>
      </c>
      <c r="G11" s="284">
        <v>0.442</v>
      </c>
      <c r="H11" s="282">
        <v>1.0930088013468581E-2</v>
      </c>
      <c r="T11" s="316"/>
    </row>
    <row r="12" spans="1:20" s="5" customFormat="1">
      <c r="A12" s="53" t="s">
        <v>428</v>
      </c>
      <c r="B12" s="50">
        <v>2513</v>
      </c>
      <c r="C12" s="51">
        <v>74.3</v>
      </c>
      <c r="D12" s="52">
        <v>0.78400000000000003</v>
      </c>
      <c r="E12" s="285">
        <v>0.151</v>
      </c>
      <c r="F12" s="283">
        <v>1.4295025436918013E-2</v>
      </c>
      <c r="G12" s="285">
        <v>0.54100000000000004</v>
      </c>
      <c r="H12" s="283">
        <v>1.9865432815183121E-2</v>
      </c>
      <c r="T12" s="316"/>
    </row>
    <row r="13" spans="1:20" s="5" customFormat="1">
      <c r="A13" s="49" t="s">
        <v>429</v>
      </c>
      <c r="B13" s="46">
        <v>617</v>
      </c>
      <c r="C13" s="47">
        <v>73</v>
      </c>
      <c r="D13" s="48">
        <v>1.5680000000000001</v>
      </c>
      <c r="E13" s="284">
        <v>0.16300000000000001</v>
      </c>
      <c r="F13" s="282">
        <v>2.9802282958217761E-2</v>
      </c>
      <c r="G13" s="284">
        <v>0.498</v>
      </c>
      <c r="H13" s="282">
        <v>4.0128300787382734E-2</v>
      </c>
      <c r="T13" s="316"/>
    </row>
    <row r="14" spans="1:20" s="5" customFormat="1">
      <c r="A14" s="53" t="s">
        <v>430</v>
      </c>
      <c r="B14" s="50">
        <v>1588</v>
      </c>
      <c r="C14" s="51">
        <v>74.599999999999994</v>
      </c>
      <c r="D14" s="52">
        <v>0.98</v>
      </c>
      <c r="E14" s="285">
        <v>0.14599999999999999</v>
      </c>
      <c r="F14" s="283">
        <v>1.774419981153939E-2</v>
      </c>
      <c r="G14" s="285">
        <v>0.54900000000000004</v>
      </c>
      <c r="H14" s="283">
        <v>2.4942700675909358E-2</v>
      </c>
      <c r="T14" s="316"/>
    </row>
    <row r="15" spans="1:20" s="5" customFormat="1">
      <c r="A15" s="49" t="s">
        <v>431</v>
      </c>
      <c r="B15" s="46">
        <v>239</v>
      </c>
      <c r="C15" s="47">
        <v>75.599999999999994</v>
      </c>
      <c r="D15" s="48">
        <v>1.96</v>
      </c>
      <c r="E15" s="284">
        <v>0.11600000000000001</v>
      </c>
      <c r="F15" s="282">
        <v>4.2038305799144984E-2</v>
      </c>
      <c r="G15" s="284">
        <v>0.495</v>
      </c>
      <c r="H15" s="282">
        <v>6.4146927061070586E-2</v>
      </c>
      <c r="T15" s="316"/>
    </row>
    <row r="16" spans="1:20" s="5" customFormat="1">
      <c r="A16" s="53" t="s">
        <v>432</v>
      </c>
      <c r="B16" s="50">
        <v>553</v>
      </c>
      <c r="C16" s="51">
        <v>68.599999999999994</v>
      </c>
      <c r="D16" s="52">
        <v>1.5680000000000001</v>
      </c>
      <c r="E16" s="285">
        <v>0.22600000000000001</v>
      </c>
      <c r="F16" s="283">
        <v>3.5551406031721133E-2</v>
      </c>
      <c r="G16" s="285">
        <v>0.41899999999999998</v>
      </c>
      <c r="H16" s="283">
        <v>4.1819728967737294E-2</v>
      </c>
      <c r="T16" s="316"/>
    </row>
    <row r="17" spans="1:20" s="5" customFormat="1">
      <c r="A17" s="49" t="s">
        <v>433</v>
      </c>
      <c r="B17" s="46">
        <v>721</v>
      </c>
      <c r="C17" s="47">
        <v>74.8</v>
      </c>
      <c r="D17" s="48">
        <v>1.3719999999999999</v>
      </c>
      <c r="E17" s="284">
        <v>0.14299999999999999</v>
      </c>
      <c r="F17" s="282">
        <v>2.6151120949309384E-2</v>
      </c>
      <c r="G17" s="284">
        <v>0.57099999999999995</v>
      </c>
      <c r="H17" s="282">
        <v>3.6766887004836366E-2</v>
      </c>
      <c r="T17" s="316"/>
    </row>
    <row r="18" spans="1:20" s="5" customFormat="1">
      <c r="A18" s="45" t="s">
        <v>434</v>
      </c>
      <c r="B18" s="50">
        <v>978</v>
      </c>
      <c r="C18" s="51">
        <v>79.5</v>
      </c>
      <c r="D18" s="52">
        <v>1.1759999999999999</v>
      </c>
      <c r="E18" s="285">
        <v>9.6000000000000002E-2</v>
      </c>
      <c r="F18" s="283">
        <v>1.8944764157498788E-2</v>
      </c>
      <c r="G18" s="285">
        <v>0.67800000000000005</v>
      </c>
      <c r="H18" s="283">
        <v>2.9838232723928836E-2</v>
      </c>
      <c r="T18" s="316"/>
    </row>
    <row r="19" spans="1:20" s="5" customFormat="1">
      <c r="A19" s="49" t="s">
        <v>435</v>
      </c>
      <c r="B19" s="46">
        <v>738</v>
      </c>
      <c r="C19" s="47">
        <v>74.3</v>
      </c>
      <c r="D19" s="48">
        <v>1.1759999999999999</v>
      </c>
      <c r="E19" s="284">
        <v>0.159</v>
      </c>
      <c r="F19" s="282">
        <v>2.6974014074777258E-2</v>
      </c>
      <c r="G19" s="284">
        <v>0.55000000000000004</v>
      </c>
      <c r="H19" s="282">
        <v>3.6529121530800672E-2</v>
      </c>
      <c r="T19" s="316"/>
    </row>
    <row r="20" spans="1:20" s="5" customFormat="1">
      <c r="A20" s="53" t="s">
        <v>436</v>
      </c>
      <c r="B20" s="50">
        <v>134</v>
      </c>
      <c r="C20" s="51">
        <v>73</v>
      </c>
      <c r="D20" s="52">
        <v>3.528</v>
      </c>
      <c r="E20" s="285">
        <v>0.158</v>
      </c>
      <c r="F20" s="283">
        <v>6.3638073852952781E-2</v>
      </c>
      <c r="G20" s="285">
        <v>0.48399999999999999</v>
      </c>
      <c r="H20" s="283">
        <v>8.5084548827868131E-2</v>
      </c>
      <c r="T20" s="316"/>
    </row>
    <row r="21" spans="1:20" s="5" customFormat="1">
      <c r="A21" s="49" t="s">
        <v>437</v>
      </c>
      <c r="B21" s="46">
        <v>155</v>
      </c>
      <c r="C21" s="47">
        <v>74.2</v>
      </c>
      <c r="D21" s="48">
        <v>3.1360000000000001</v>
      </c>
      <c r="E21" s="284">
        <v>0.17699999999999999</v>
      </c>
      <c r="F21" s="282">
        <v>6.1604179687665565E-2</v>
      </c>
      <c r="G21" s="284">
        <v>0.56899999999999995</v>
      </c>
      <c r="H21" s="282">
        <v>7.8584254988017396E-2</v>
      </c>
      <c r="T21" s="316"/>
    </row>
    <row r="22" spans="1:20" s="5" customFormat="1">
      <c r="A22" s="57" t="s">
        <v>438</v>
      </c>
      <c r="B22" s="50">
        <v>256</v>
      </c>
      <c r="C22" s="51">
        <v>73.400000000000006</v>
      </c>
      <c r="D22" s="52">
        <v>2.1560000000000001</v>
      </c>
      <c r="E22" s="285">
        <v>0.156</v>
      </c>
      <c r="F22" s="283">
        <v>4.5620019082651668E-2</v>
      </c>
      <c r="G22" s="285">
        <v>0.43</v>
      </c>
      <c r="H22" s="283">
        <v>6.1425327959107656E-2</v>
      </c>
      <c r="T22" s="316"/>
    </row>
    <row r="23" spans="1:20" s="5" customFormat="1">
      <c r="A23" s="49" t="s">
        <v>439</v>
      </c>
      <c r="B23" s="46">
        <v>405</v>
      </c>
      <c r="C23" s="47">
        <v>75</v>
      </c>
      <c r="D23" s="48">
        <v>1.764</v>
      </c>
      <c r="E23" s="284">
        <v>0.113</v>
      </c>
      <c r="F23" s="282">
        <v>3.1761048859448644E-2</v>
      </c>
      <c r="G23" s="284">
        <v>0.57099999999999995</v>
      </c>
      <c r="H23" s="282">
        <v>4.8955557841794325E-2</v>
      </c>
      <c r="T23" s="316"/>
    </row>
    <row r="24" spans="1:20" s="5" customFormat="1">
      <c r="A24" s="57" t="s">
        <v>440</v>
      </c>
      <c r="B24" s="50">
        <v>408</v>
      </c>
      <c r="C24" s="51">
        <v>75.900000000000006</v>
      </c>
      <c r="D24" s="52">
        <v>1.764</v>
      </c>
      <c r="E24" s="285">
        <v>0.13500000000000001</v>
      </c>
      <c r="F24" s="283">
        <v>3.404014412908634E-2</v>
      </c>
      <c r="G24" s="285">
        <v>0.55300000000000005</v>
      </c>
      <c r="H24" s="283">
        <v>4.8994281310251436E-2</v>
      </c>
      <c r="T24" s="316"/>
    </row>
    <row r="25" spans="1:20" s="5" customFormat="1">
      <c r="A25" s="49" t="s">
        <v>441</v>
      </c>
      <c r="B25" s="46">
        <v>282</v>
      </c>
      <c r="C25" s="47">
        <v>72</v>
      </c>
      <c r="D25" s="48">
        <v>2.3519999999999999</v>
      </c>
      <c r="E25" s="284">
        <v>0.215</v>
      </c>
      <c r="F25" s="282">
        <v>4.8908525958078569E-2</v>
      </c>
      <c r="G25" s="284">
        <v>0.57499999999999996</v>
      </c>
      <c r="H25" s="282">
        <v>5.8480914627345761E-2</v>
      </c>
      <c r="T25" s="316"/>
    </row>
    <row r="26" spans="1:20" s="5" customFormat="1">
      <c r="A26" s="57" t="s">
        <v>442</v>
      </c>
      <c r="B26" s="50">
        <v>774</v>
      </c>
      <c r="C26" s="51">
        <v>75.5</v>
      </c>
      <c r="D26" s="52">
        <v>1.3719999999999999</v>
      </c>
      <c r="E26" s="285">
        <v>0.13600000000000001</v>
      </c>
      <c r="F26" s="283">
        <v>2.4720850181391953E-2</v>
      </c>
      <c r="G26" s="285">
        <v>0.58699999999999997</v>
      </c>
      <c r="H26" s="283">
        <v>3.5310494245874992E-2</v>
      </c>
      <c r="T26" s="316"/>
    </row>
    <row r="27" spans="1:20" s="5" customFormat="1">
      <c r="A27" s="49" t="s">
        <v>443</v>
      </c>
      <c r="B27" s="46">
        <v>1012</v>
      </c>
      <c r="C27" s="47">
        <v>73.900000000000006</v>
      </c>
      <c r="D27" s="48">
        <v>1.1759999999999999</v>
      </c>
      <c r="E27" s="284">
        <v>0.16700000000000001</v>
      </c>
      <c r="F27" s="282">
        <v>2.3475772647037148E-2</v>
      </c>
      <c r="G27" s="284">
        <v>0.54300000000000004</v>
      </c>
      <c r="H27" s="282">
        <v>3.125747346198373E-2</v>
      </c>
      <c r="T27" s="316"/>
    </row>
    <row r="28" spans="1:20" s="5" customFormat="1">
      <c r="A28" s="57" t="s">
        <v>444</v>
      </c>
      <c r="B28" s="50">
        <v>281</v>
      </c>
      <c r="C28" s="51">
        <v>73.900000000000006</v>
      </c>
      <c r="D28" s="52">
        <v>2.3519999999999999</v>
      </c>
      <c r="E28" s="285">
        <v>0.16600000000000001</v>
      </c>
      <c r="F28" s="283">
        <v>4.45725777988576E-2</v>
      </c>
      <c r="G28" s="285">
        <v>0.53500000000000003</v>
      </c>
      <c r="H28" s="283">
        <v>5.9093639003408797E-2</v>
      </c>
      <c r="T28" s="316"/>
    </row>
    <row r="29" spans="1:20" s="5" customFormat="1">
      <c r="A29" s="49" t="s">
        <v>445</v>
      </c>
      <c r="B29" s="46">
        <v>193</v>
      </c>
      <c r="C29" s="47">
        <v>73</v>
      </c>
      <c r="D29" s="48">
        <v>2.548</v>
      </c>
      <c r="E29" s="284">
        <v>0.14799999999999999</v>
      </c>
      <c r="F29" s="282">
        <v>5.1589270504085939E-2</v>
      </c>
      <c r="G29" s="284">
        <v>0.46100000000000002</v>
      </c>
      <c r="H29" s="282">
        <v>7.1038723897056788E-2</v>
      </c>
      <c r="T29" s="316"/>
    </row>
    <row r="30" spans="1:20" s="5" customFormat="1">
      <c r="A30" s="57" t="s">
        <v>446</v>
      </c>
      <c r="B30" s="50">
        <v>165</v>
      </c>
      <c r="C30" s="51">
        <v>74.3</v>
      </c>
      <c r="D30" s="52">
        <v>2.7439999999999998</v>
      </c>
      <c r="E30" s="285">
        <v>0.14000000000000001</v>
      </c>
      <c r="F30" s="283">
        <v>5.4710060678745169E-2</v>
      </c>
      <c r="G30" s="285">
        <v>0.52</v>
      </c>
      <c r="H30" s="283">
        <v>7.6864394667238559E-2</v>
      </c>
      <c r="T30" s="316"/>
    </row>
    <row r="31" spans="1:20" s="5" customFormat="1">
      <c r="A31" s="49" t="s">
        <v>447</v>
      </c>
      <c r="B31" s="46">
        <v>79</v>
      </c>
      <c r="C31" s="47">
        <v>73.400000000000006</v>
      </c>
      <c r="D31" s="48">
        <v>4.3120000000000003</v>
      </c>
      <c r="E31" s="284">
        <v>0.14899999999999999</v>
      </c>
      <c r="F31" s="282">
        <v>8.1665688047257615E-2</v>
      </c>
      <c r="G31" s="284">
        <v>0.53900000000000003</v>
      </c>
      <c r="H31" s="282">
        <v>0.10946134704734586</v>
      </c>
      <c r="T31" s="316"/>
    </row>
    <row r="32" spans="1:20" s="227" customFormat="1">
      <c r="A32" s="241"/>
      <c r="B32" s="306"/>
      <c r="C32" s="307"/>
      <c r="D32" s="308"/>
      <c r="E32" s="309"/>
      <c r="F32" s="310"/>
      <c r="G32" s="309"/>
      <c r="H32" s="310"/>
      <c r="T32" s="317"/>
    </row>
    <row r="33" spans="1:20" ht="18.75">
      <c r="A33" s="335" t="s">
        <v>7</v>
      </c>
      <c r="B33" s="335"/>
      <c r="C33" s="335"/>
      <c r="D33" s="335"/>
      <c r="E33" s="335"/>
      <c r="F33" s="335"/>
      <c r="G33" s="335"/>
      <c r="H33" s="335"/>
    </row>
    <row r="34" spans="1:20" ht="115.5" customHeight="1">
      <c r="A34" s="336" t="s">
        <v>289</v>
      </c>
      <c r="B34" s="336"/>
      <c r="C34" s="336"/>
      <c r="D34" s="336"/>
      <c r="E34" s="336"/>
      <c r="F34" s="336"/>
      <c r="G34" s="336"/>
      <c r="H34" s="336"/>
    </row>
    <row r="35" spans="1:20" ht="39.75" customHeight="1">
      <c r="A35" s="341" t="s">
        <v>92</v>
      </c>
      <c r="B35" s="342"/>
      <c r="C35" s="342"/>
      <c r="D35" s="342"/>
      <c r="E35" s="342"/>
      <c r="F35" s="342"/>
      <c r="G35" s="342"/>
      <c r="H35" s="342"/>
    </row>
    <row r="36" spans="1:20" ht="45" customHeight="1">
      <c r="A36" s="37" t="s">
        <v>85</v>
      </c>
      <c r="B36" s="38" t="s">
        <v>86</v>
      </c>
      <c r="C36" s="39" t="s">
        <v>87</v>
      </c>
      <c r="D36" s="40" t="s">
        <v>88</v>
      </c>
      <c r="E36" s="38" t="s">
        <v>398</v>
      </c>
      <c r="F36" s="40" t="s">
        <v>402</v>
      </c>
      <c r="G36" s="39" t="s">
        <v>400</v>
      </c>
      <c r="H36" s="40" t="s">
        <v>402</v>
      </c>
    </row>
    <row r="37" spans="1:20" ht="87" customHeight="1">
      <c r="A37" s="41"/>
      <c r="B37" s="42" t="s">
        <v>89</v>
      </c>
      <c r="C37" s="43" t="s">
        <v>90</v>
      </c>
      <c r="D37" s="44" t="s">
        <v>91</v>
      </c>
      <c r="E37" s="42" t="s">
        <v>399</v>
      </c>
      <c r="F37" s="91" t="s">
        <v>104</v>
      </c>
      <c r="G37" s="125" t="s">
        <v>401</v>
      </c>
      <c r="H37" s="91" t="s">
        <v>104</v>
      </c>
    </row>
    <row r="38" spans="1:20">
      <c r="A38" s="45" t="s">
        <v>424</v>
      </c>
      <c r="B38" s="58">
        <v>10728</v>
      </c>
      <c r="C38" s="59">
        <v>69.8</v>
      </c>
      <c r="D38" s="60">
        <v>0.3332</v>
      </c>
      <c r="E38" s="286">
        <v>0.26500000000000001</v>
      </c>
      <c r="F38" s="287">
        <v>8.5212273349339705E-3</v>
      </c>
      <c r="G38" s="286">
        <v>0.32600000000000001</v>
      </c>
      <c r="H38" s="287">
        <v>9.0500444183065909E-3</v>
      </c>
    </row>
    <row r="39" spans="1:20" s="5" customFormat="1">
      <c r="A39" s="49" t="s">
        <v>425</v>
      </c>
      <c r="B39" s="61">
        <v>8596</v>
      </c>
      <c r="C39" s="62">
        <v>71.347129350525535</v>
      </c>
      <c r="D39" s="63">
        <v>0.37445591310394172</v>
      </c>
      <c r="E39" s="288">
        <v>0.23599999999999999</v>
      </c>
      <c r="F39" s="289">
        <v>9.1592834697616834E-3</v>
      </c>
      <c r="G39" s="288">
        <v>0.36099999999999999</v>
      </c>
      <c r="H39" s="289">
        <v>1.0358615532065801E-2</v>
      </c>
      <c r="T39" s="316"/>
    </row>
    <row r="40" spans="1:20" s="5" customFormat="1">
      <c r="A40" s="53" t="s">
        <v>426</v>
      </c>
      <c r="B40" s="54">
        <v>1962</v>
      </c>
      <c r="C40" s="55">
        <v>66.88</v>
      </c>
      <c r="D40" s="56">
        <v>0.82319999999999993</v>
      </c>
      <c r="E40" s="290">
        <v>0.33</v>
      </c>
      <c r="F40" s="287">
        <v>2.1215240474457296E-2</v>
      </c>
      <c r="G40" s="290">
        <v>0.26500000000000001</v>
      </c>
      <c r="H40" s="287">
        <v>1.9918424257417147E-2</v>
      </c>
      <c r="T40" s="316"/>
    </row>
    <row r="41" spans="1:20" s="5" customFormat="1">
      <c r="A41" s="49" t="s">
        <v>427</v>
      </c>
      <c r="B41" s="61">
        <v>8224</v>
      </c>
      <c r="C41" s="62">
        <v>69.77</v>
      </c>
      <c r="D41" s="63">
        <v>0.39200000000000002</v>
      </c>
      <c r="E41" s="288">
        <v>0.26600000000000001</v>
      </c>
      <c r="F41" s="289">
        <v>9.7438567649291465E-3</v>
      </c>
      <c r="G41" s="288">
        <v>0.32500000000000001</v>
      </c>
      <c r="H41" s="289">
        <v>1.0327754026207031E-2</v>
      </c>
      <c r="T41" s="316"/>
    </row>
    <row r="42" spans="1:20" s="5" customFormat="1">
      <c r="A42" s="53" t="s">
        <v>428</v>
      </c>
      <c r="B42" s="54">
        <v>2506</v>
      </c>
      <c r="C42" s="55">
        <v>74.69</v>
      </c>
      <c r="D42" s="56">
        <v>0.64680000000000004</v>
      </c>
      <c r="E42" s="290">
        <v>0.17</v>
      </c>
      <c r="F42" s="287">
        <v>1.5013768717476521E-2</v>
      </c>
      <c r="G42" s="290">
        <v>0.44</v>
      </c>
      <c r="H42" s="287">
        <v>1.9816346625025141E-2</v>
      </c>
      <c r="T42" s="316"/>
    </row>
    <row r="43" spans="1:20" s="5" customFormat="1">
      <c r="A43" s="49" t="s">
        <v>429</v>
      </c>
      <c r="B43" s="61">
        <v>614</v>
      </c>
      <c r="C43" s="62">
        <v>73.55</v>
      </c>
      <c r="D43" s="63">
        <v>1.2936000000000001</v>
      </c>
      <c r="E43" s="288">
        <v>0.17599999999999999</v>
      </c>
      <c r="F43" s="289">
        <v>3.0780411840126556E-2</v>
      </c>
      <c r="G43" s="288">
        <v>0.39200000000000002</v>
      </c>
      <c r="H43" s="289">
        <v>3.9288700060249204E-2</v>
      </c>
      <c r="T43" s="316"/>
    </row>
    <row r="44" spans="1:20" s="5" customFormat="1">
      <c r="A44" s="53" t="s">
        <v>430</v>
      </c>
      <c r="B44" s="54">
        <v>1586</v>
      </c>
      <c r="C44" s="55">
        <v>74.88</v>
      </c>
      <c r="D44" s="56">
        <v>0.80359999999999998</v>
      </c>
      <c r="E44" s="290">
        <v>0.16900000000000001</v>
      </c>
      <c r="F44" s="287">
        <v>1.8833234168014773E-2</v>
      </c>
      <c r="G44" s="290">
        <v>0.45400000000000001</v>
      </c>
      <c r="H44" s="287">
        <v>2.4972671007127006E-2</v>
      </c>
      <c r="T44" s="316"/>
    </row>
    <row r="45" spans="1:20" s="5" customFormat="1">
      <c r="A45" s="49" t="s">
        <v>431</v>
      </c>
      <c r="B45" s="61">
        <v>238</v>
      </c>
      <c r="C45" s="62">
        <v>75.3</v>
      </c>
      <c r="D45" s="63">
        <v>1.9012</v>
      </c>
      <c r="E45" s="288">
        <v>0.14599999999999999</v>
      </c>
      <c r="F45" s="289">
        <v>4.6138927950282342E-2</v>
      </c>
      <c r="G45" s="288">
        <v>0.45900000000000002</v>
      </c>
      <c r="H45" s="289">
        <v>6.407306147236215E-2</v>
      </c>
      <c r="T45" s="316"/>
    </row>
    <row r="46" spans="1:20" s="5" customFormat="1">
      <c r="A46" s="53" t="s">
        <v>432</v>
      </c>
      <c r="B46" s="54">
        <v>552</v>
      </c>
      <c r="C46" s="55">
        <v>70.569999999999993</v>
      </c>
      <c r="D46" s="56">
        <v>1.4112</v>
      </c>
      <c r="E46" s="290">
        <v>0.222</v>
      </c>
      <c r="F46" s="287">
        <v>3.5362867164593983E-2</v>
      </c>
      <c r="G46" s="290">
        <v>0.33100000000000002</v>
      </c>
      <c r="H46" s="287">
        <v>3.9950371317114632E-2</v>
      </c>
      <c r="T46" s="316"/>
    </row>
    <row r="47" spans="1:20" s="5" customFormat="1">
      <c r="A47" s="49" t="s">
        <v>433</v>
      </c>
      <c r="B47" s="61">
        <v>722</v>
      </c>
      <c r="C47" s="62">
        <v>75.36</v>
      </c>
      <c r="D47" s="63">
        <v>1.1956</v>
      </c>
      <c r="E47" s="288">
        <v>0.159</v>
      </c>
      <c r="F47" s="289">
        <v>2.7272404390961413E-2</v>
      </c>
      <c r="G47" s="288">
        <v>0.45400000000000001</v>
      </c>
      <c r="H47" s="289">
        <v>3.6957816215969393E-2</v>
      </c>
      <c r="T47" s="316"/>
    </row>
    <row r="48" spans="1:20" s="5" customFormat="1">
      <c r="A48" s="45" t="s">
        <v>434</v>
      </c>
      <c r="B48" s="58">
        <v>972</v>
      </c>
      <c r="C48" s="59">
        <v>78.37</v>
      </c>
      <c r="D48" s="60">
        <v>0.99960000000000004</v>
      </c>
      <c r="E48" s="286">
        <v>0.13500000000000001</v>
      </c>
      <c r="F48" s="287">
        <v>2.1978451674590789E-2</v>
      </c>
      <c r="G48" s="286">
        <v>0.53900000000000003</v>
      </c>
      <c r="H48" s="287">
        <v>3.1912498300973216E-2</v>
      </c>
      <c r="T48" s="316"/>
    </row>
    <row r="49" spans="1:50">
      <c r="A49" s="49" t="s">
        <v>435</v>
      </c>
      <c r="B49" s="61">
        <v>738</v>
      </c>
      <c r="C49" s="62">
        <v>74.62</v>
      </c>
      <c r="D49" s="63">
        <v>1.1563999999999999</v>
      </c>
      <c r="E49" s="288">
        <v>0.193</v>
      </c>
      <c r="F49" s="289">
        <v>2.9070452829877014E-2</v>
      </c>
      <c r="G49" s="288">
        <v>0.46200000000000002</v>
      </c>
      <c r="H49" s="289">
        <v>3.6606122856158635E-2</v>
      </c>
    </row>
    <row r="50" spans="1:50">
      <c r="A50" s="53" t="s">
        <v>436</v>
      </c>
      <c r="B50" s="54">
        <v>133</v>
      </c>
      <c r="C50" s="55">
        <v>72.84</v>
      </c>
      <c r="D50" s="56">
        <v>3.0968</v>
      </c>
      <c r="E50" s="290">
        <v>0.17499999999999999</v>
      </c>
      <c r="F50" s="287">
        <v>6.6278078445024993E-2</v>
      </c>
      <c r="G50" s="290">
        <v>0.36099999999999999</v>
      </c>
      <c r="H50" s="287">
        <v>8.2265506250443404E-2</v>
      </c>
    </row>
    <row r="51" spans="1:50">
      <c r="A51" s="49" t="s">
        <v>437</v>
      </c>
      <c r="B51" s="61">
        <v>155</v>
      </c>
      <c r="C51" s="62">
        <v>75.11</v>
      </c>
      <c r="D51" s="63">
        <v>2.7439999999999998</v>
      </c>
      <c r="E51" s="288">
        <v>0.188</v>
      </c>
      <c r="F51" s="289">
        <v>6.2944960210320894E-2</v>
      </c>
      <c r="G51" s="288">
        <v>0.46400000000000002</v>
      </c>
      <c r="H51" s="289">
        <v>7.9109570909406762E-2</v>
      </c>
    </row>
    <row r="52" spans="1:50">
      <c r="A52" s="57" t="s">
        <v>438</v>
      </c>
      <c r="B52" s="58">
        <v>255</v>
      </c>
      <c r="C52" s="59">
        <v>72.900000000000006</v>
      </c>
      <c r="D52" s="60">
        <v>2.0384000000000002</v>
      </c>
      <c r="E52" s="286">
        <v>0.193</v>
      </c>
      <c r="F52" s="287">
        <v>4.9497815711980885E-2</v>
      </c>
      <c r="G52" s="286">
        <v>0.36399999999999999</v>
      </c>
      <c r="H52" s="287">
        <v>5.9867407341039763E-2</v>
      </c>
    </row>
    <row r="53" spans="1:50">
      <c r="A53" s="49" t="s">
        <v>439</v>
      </c>
      <c r="B53" s="61">
        <v>406</v>
      </c>
      <c r="C53" s="62">
        <v>76.33</v>
      </c>
      <c r="D53" s="63">
        <v>1.5092000000000001</v>
      </c>
      <c r="E53" s="288">
        <v>0.13100000000000001</v>
      </c>
      <c r="F53" s="289">
        <v>3.3710798733039712E-2</v>
      </c>
      <c r="G53" s="288">
        <v>0.48099999999999998</v>
      </c>
      <c r="H53" s="289">
        <v>4.9351502761308175E-2</v>
      </c>
    </row>
    <row r="54" spans="1:50">
      <c r="A54" s="57" t="s">
        <v>440</v>
      </c>
      <c r="B54" s="58">
        <v>406</v>
      </c>
      <c r="C54" s="59">
        <v>76.400000000000006</v>
      </c>
      <c r="D54" s="60">
        <v>1.5287999999999999</v>
      </c>
      <c r="E54" s="286">
        <v>0.129</v>
      </c>
      <c r="F54" s="287">
        <v>3.3500138649913275E-2</v>
      </c>
      <c r="G54" s="286">
        <v>0.46200000000000002</v>
      </c>
      <c r="H54" s="287">
        <v>4.9246422494085035E-2</v>
      </c>
    </row>
    <row r="55" spans="1:50">
      <c r="A55" s="49" t="s">
        <v>441</v>
      </c>
      <c r="B55" s="61">
        <v>280</v>
      </c>
      <c r="C55" s="62">
        <v>71.760000000000005</v>
      </c>
      <c r="D55" s="63">
        <v>2.0579999999999998</v>
      </c>
      <c r="E55" s="288">
        <v>0.191</v>
      </c>
      <c r="F55" s="289">
        <v>4.7052512580388027E-2</v>
      </c>
      <c r="G55" s="288">
        <v>0.38400000000000001</v>
      </c>
      <c r="H55" s="289">
        <v>5.7765964556589826E-2</v>
      </c>
    </row>
    <row r="56" spans="1:50">
      <c r="A56" s="57" t="s">
        <v>442</v>
      </c>
      <c r="B56" s="58">
        <v>774</v>
      </c>
      <c r="C56" s="59">
        <v>75.459999999999994</v>
      </c>
      <c r="D56" s="60">
        <v>1.1563999999999999</v>
      </c>
      <c r="E56" s="286">
        <v>0.17699999999999999</v>
      </c>
      <c r="F56" s="287">
        <v>2.7467300863602634E-2</v>
      </c>
      <c r="G56" s="286">
        <v>0.48299999999999998</v>
      </c>
      <c r="H56" s="287">
        <v>3.583122133029297E-2</v>
      </c>
    </row>
    <row r="57" spans="1:50">
      <c r="A57" s="49" t="s">
        <v>443</v>
      </c>
      <c r="B57" s="61">
        <v>1007</v>
      </c>
      <c r="C57" s="62">
        <v>73.69</v>
      </c>
      <c r="D57" s="63">
        <v>1.0192000000000001</v>
      </c>
      <c r="E57" s="288">
        <v>0.18099999999999999</v>
      </c>
      <c r="F57" s="289">
        <v>2.4283410506374354E-2</v>
      </c>
      <c r="G57" s="288">
        <v>0.39100000000000001</v>
      </c>
      <c r="H57" s="289">
        <v>3.0699902078012063E-2</v>
      </c>
    </row>
    <row r="58" spans="1:50">
      <c r="A58" s="57" t="s">
        <v>444</v>
      </c>
      <c r="B58" s="58">
        <v>281</v>
      </c>
      <c r="C58" s="59">
        <v>74.02</v>
      </c>
      <c r="D58" s="60">
        <v>2.1364000000000001</v>
      </c>
      <c r="E58" s="286">
        <v>0.184</v>
      </c>
      <c r="F58" s="287">
        <v>4.6328696792198025E-2</v>
      </c>
      <c r="G58" s="286">
        <v>0.45100000000000001</v>
      </c>
      <c r="H58" s="287">
        <v>5.8957721817181924E-2</v>
      </c>
    </row>
    <row r="59" spans="1:50">
      <c r="A59" s="49" t="s">
        <v>445</v>
      </c>
      <c r="B59" s="61">
        <v>192</v>
      </c>
      <c r="C59" s="62">
        <v>75.06</v>
      </c>
      <c r="D59" s="63">
        <v>2.0775999999999999</v>
      </c>
      <c r="E59" s="288">
        <v>0.109</v>
      </c>
      <c r="F59" s="289">
        <v>4.5913709421764627E-2</v>
      </c>
      <c r="G59" s="288">
        <v>0.377</v>
      </c>
      <c r="H59" s="289">
        <v>6.932358450751383E-2</v>
      </c>
    </row>
    <row r="60" spans="1:50" s="5" customFormat="1">
      <c r="A60" s="57" t="s">
        <v>446</v>
      </c>
      <c r="B60" s="58">
        <v>164</v>
      </c>
      <c r="C60" s="59">
        <v>75.680000000000007</v>
      </c>
      <c r="D60" s="60">
        <v>2.4500000000000002</v>
      </c>
      <c r="E60" s="286">
        <v>0.17299999999999999</v>
      </c>
      <c r="F60" s="287">
        <v>5.9382184236222928E-2</v>
      </c>
      <c r="G60" s="286">
        <v>0.49</v>
      </c>
      <c r="H60" s="287">
        <v>7.7136969275040615E-2</v>
      </c>
      <c r="T60" s="316"/>
    </row>
    <row r="61" spans="1:50">
      <c r="A61" s="49" t="s">
        <v>447</v>
      </c>
      <c r="B61" s="61">
        <v>79</v>
      </c>
      <c r="C61" s="62">
        <v>74.53</v>
      </c>
      <c r="D61" s="63">
        <v>3.3712</v>
      </c>
      <c r="E61" s="288">
        <v>0.13400000000000001</v>
      </c>
      <c r="F61" s="289">
        <v>7.8738335327916076E-2</v>
      </c>
      <c r="G61" s="288">
        <v>0.39400000000000002</v>
      </c>
      <c r="H61" s="289">
        <v>0.10750643395855862</v>
      </c>
    </row>
    <row r="62" spans="1:50" s="227" customFormat="1">
      <c r="A62" s="241"/>
      <c r="B62" s="311"/>
      <c r="C62" s="312"/>
      <c r="D62" s="313"/>
      <c r="E62" s="314"/>
      <c r="F62" s="315"/>
      <c r="G62" s="314"/>
      <c r="H62" s="315"/>
      <c r="T62" s="317"/>
    </row>
    <row r="63" spans="1:50" ht="18.75">
      <c r="A63" s="335" t="s">
        <v>32</v>
      </c>
      <c r="B63" s="335"/>
      <c r="C63" s="335"/>
      <c r="D63" s="335"/>
      <c r="E63" s="335"/>
      <c r="F63" s="335"/>
      <c r="G63" s="335"/>
      <c r="H63" s="335"/>
      <c r="I63" s="335"/>
      <c r="J63" s="335"/>
      <c r="K63" s="335"/>
      <c r="L63" s="335"/>
      <c r="M63" s="335"/>
      <c r="N63" s="335"/>
      <c r="O63" s="335"/>
      <c r="P63" s="335"/>
      <c r="Q63" s="335"/>
      <c r="R63" s="335"/>
      <c r="S63" s="335"/>
      <c r="T63" s="335"/>
      <c r="U63" s="335"/>
      <c r="V63" s="335"/>
      <c r="W63" s="335"/>
      <c r="X63" s="335"/>
      <c r="Y63" s="335"/>
      <c r="Z63" s="335"/>
      <c r="AA63" s="335"/>
      <c r="AB63" s="335"/>
      <c r="AC63" s="335"/>
      <c r="AD63" s="335"/>
      <c r="AE63" s="335"/>
      <c r="AF63" s="335"/>
      <c r="AG63" s="335"/>
      <c r="AH63" s="335"/>
      <c r="AI63" s="335"/>
      <c r="AJ63" s="335"/>
      <c r="AK63" s="335"/>
      <c r="AL63" s="335"/>
      <c r="AM63" s="335"/>
      <c r="AN63" s="335"/>
      <c r="AO63" s="335"/>
      <c r="AP63" s="335"/>
      <c r="AQ63" s="335"/>
      <c r="AR63" s="335"/>
      <c r="AS63" s="335"/>
      <c r="AT63" s="335"/>
      <c r="AU63" s="335"/>
      <c r="AV63" s="335"/>
      <c r="AW63" s="335"/>
      <c r="AX63" s="335"/>
    </row>
    <row r="64" spans="1:50" ht="70.5" customHeight="1">
      <c r="A64" s="337" t="s">
        <v>93</v>
      </c>
      <c r="B64" s="337"/>
      <c r="C64" s="337"/>
      <c r="D64" s="337"/>
      <c r="E64" s="337"/>
      <c r="F64" s="337"/>
      <c r="G64" s="337"/>
      <c r="H64" s="337"/>
      <c r="I64" s="337"/>
      <c r="J64" s="337"/>
      <c r="K64" s="337"/>
      <c r="L64" s="337"/>
      <c r="M64" s="337"/>
      <c r="N64" s="337"/>
      <c r="O64" s="337"/>
      <c r="P64" s="337"/>
      <c r="Q64" s="337"/>
      <c r="R64" s="337"/>
      <c r="S64" s="337"/>
      <c r="T64" s="337"/>
      <c r="U64" s="337"/>
      <c r="V64" s="337"/>
      <c r="W64" s="337"/>
      <c r="X64" s="337"/>
      <c r="Y64" s="337"/>
      <c r="Z64" s="337"/>
      <c r="AA64" s="337"/>
      <c r="AB64" s="337"/>
      <c r="AC64" s="337"/>
      <c r="AD64" s="337"/>
      <c r="AE64" s="337"/>
      <c r="AF64" s="337"/>
      <c r="AG64" s="337"/>
      <c r="AH64" s="337"/>
      <c r="AI64" s="337"/>
      <c r="AJ64" s="337"/>
      <c r="AK64" s="337"/>
      <c r="AL64" s="337"/>
      <c r="AM64" s="337"/>
      <c r="AN64" s="337"/>
      <c r="AO64" s="337"/>
      <c r="AP64" s="337"/>
      <c r="AQ64" s="337"/>
      <c r="AR64" s="337"/>
      <c r="AS64" s="337"/>
      <c r="AT64" s="337"/>
      <c r="AU64" s="337"/>
      <c r="AV64" s="337"/>
      <c r="AW64" s="337"/>
      <c r="AX64" s="337"/>
    </row>
    <row r="65" spans="1:50" ht="32.25" customHeight="1">
      <c r="A65" s="64" t="s">
        <v>94</v>
      </c>
      <c r="B65" s="331" t="s">
        <v>95</v>
      </c>
      <c r="C65" s="332"/>
      <c r="D65" s="332"/>
      <c r="E65" s="332"/>
      <c r="F65" s="332"/>
      <c r="G65" s="332"/>
      <c r="H65" s="333"/>
      <c r="I65" s="331" t="s">
        <v>404</v>
      </c>
      <c r="J65" s="332"/>
      <c r="K65" s="332"/>
      <c r="L65" s="332"/>
      <c r="M65" s="332"/>
      <c r="N65" s="332"/>
      <c r="O65" s="333"/>
      <c r="P65" s="331" t="s">
        <v>405</v>
      </c>
      <c r="Q65" s="332"/>
      <c r="R65" s="332"/>
      <c r="S65" s="332"/>
      <c r="T65" s="332"/>
      <c r="U65" s="332"/>
      <c r="V65" s="333"/>
      <c r="W65" s="331" t="s">
        <v>96</v>
      </c>
      <c r="X65" s="332"/>
      <c r="Y65" s="332"/>
      <c r="Z65" s="332"/>
      <c r="AA65" s="332"/>
      <c r="AB65" s="332"/>
      <c r="AC65" s="333"/>
      <c r="AD65" s="331" t="s">
        <v>97</v>
      </c>
      <c r="AE65" s="332"/>
      <c r="AF65" s="332"/>
      <c r="AG65" s="332"/>
      <c r="AH65" s="332"/>
      <c r="AI65" s="332"/>
      <c r="AJ65" s="333"/>
      <c r="AK65" s="331" t="s">
        <v>98</v>
      </c>
      <c r="AL65" s="332"/>
      <c r="AM65" s="332"/>
      <c r="AN65" s="332"/>
      <c r="AO65" s="332"/>
      <c r="AP65" s="332"/>
      <c r="AQ65" s="333"/>
      <c r="AR65" s="331" t="s">
        <v>99</v>
      </c>
      <c r="AS65" s="332"/>
      <c r="AT65" s="332"/>
      <c r="AU65" s="332"/>
      <c r="AV65" s="332"/>
      <c r="AW65" s="332"/>
      <c r="AX65" s="333"/>
    </row>
    <row r="66" spans="1:50" ht="43.5" customHeight="1">
      <c r="A66" s="37" t="s">
        <v>85</v>
      </c>
      <c r="B66" s="38" t="s">
        <v>86</v>
      </c>
      <c r="C66" s="39" t="s">
        <v>87</v>
      </c>
      <c r="D66" s="40" t="s">
        <v>88</v>
      </c>
      <c r="E66" s="39" t="s">
        <v>398</v>
      </c>
      <c r="F66" s="40" t="s">
        <v>402</v>
      </c>
      <c r="G66" s="39" t="s">
        <v>400</v>
      </c>
      <c r="H66" s="40" t="s">
        <v>403</v>
      </c>
      <c r="I66" s="65" t="s">
        <v>86</v>
      </c>
      <c r="J66" s="66" t="s">
        <v>87</v>
      </c>
      <c r="K66" s="67" t="s">
        <v>88</v>
      </c>
      <c r="L66" s="66" t="s">
        <v>398</v>
      </c>
      <c r="M66" s="67" t="s">
        <v>402</v>
      </c>
      <c r="N66" s="66" t="s">
        <v>400</v>
      </c>
      <c r="O66" s="67" t="s">
        <v>403</v>
      </c>
      <c r="P66" s="38" t="s">
        <v>86</v>
      </c>
      <c r="Q66" s="39" t="s">
        <v>87</v>
      </c>
      <c r="R66" s="40" t="s">
        <v>88</v>
      </c>
      <c r="S66" s="39" t="s">
        <v>398</v>
      </c>
      <c r="T66" s="318" t="s">
        <v>402</v>
      </c>
      <c r="U66" s="39" t="s">
        <v>400</v>
      </c>
      <c r="V66" s="40" t="s">
        <v>403</v>
      </c>
      <c r="W66" s="65" t="s">
        <v>86</v>
      </c>
      <c r="X66" s="66" t="s">
        <v>87</v>
      </c>
      <c r="Y66" s="67" t="s">
        <v>88</v>
      </c>
      <c r="Z66" s="66" t="s">
        <v>398</v>
      </c>
      <c r="AA66" s="67" t="s">
        <v>402</v>
      </c>
      <c r="AB66" s="66" t="s">
        <v>400</v>
      </c>
      <c r="AC66" s="67" t="s">
        <v>403</v>
      </c>
      <c r="AD66" s="38" t="s">
        <v>86</v>
      </c>
      <c r="AE66" s="39" t="s">
        <v>87</v>
      </c>
      <c r="AF66" s="40" t="s">
        <v>88</v>
      </c>
      <c r="AG66" s="39" t="s">
        <v>398</v>
      </c>
      <c r="AH66" s="40" t="s">
        <v>402</v>
      </c>
      <c r="AI66" s="39" t="s">
        <v>400</v>
      </c>
      <c r="AJ66" s="40" t="s">
        <v>403</v>
      </c>
      <c r="AK66" s="65" t="s">
        <v>86</v>
      </c>
      <c r="AL66" s="66" t="s">
        <v>87</v>
      </c>
      <c r="AM66" s="67" t="s">
        <v>88</v>
      </c>
      <c r="AN66" s="66" t="s">
        <v>398</v>
      </c>
      <c r="AO66" s="67" t="s">
        <v>402</v>
      </c>
      <c r="AP66" s="66" t="s">
        <v>400</v>
      </c>
      <c r="AQ66" s="67" t="s">
        <v>403</v>
      </c>
      <c r="AR66" s="38" t="s">
        <v>86</v>
      </c>
      <c r="AS66" s="39" t="s">
        <v>87</v>
      </c>
      <c r="AT66" s="40" t="s">
        <v>88</v>
      </c>
      <c r="AU66" s="39" t="s">
        <v>398</v>
      </c>
      <c r="AV66" s="40" t="s">
        <v>402</v>
      </c>
      <c r="AW66" s="39" t="s">
        <v>400</v>
      </c>
      <c r="AX66" s="40" t="s">
        <v>403</v>
      </c>
    </row>
    <row r="67" spans="1:50" ht="90" customHeight="1">
      <c r="A67" s="41"/>
      <c r="B67" s="42" t="s">
        <v>89</v>
      </c>
      <c r="C67" s="43" t="s">
        <v>90</v>
      </c>
      <c r="D67" s="44" t="s">
        <v>91</v>
      </c>
      <c r="E67" s="43" t="s">
        <v>399</v>
      </c>
      <c r="F67" s="91" t="s">
        <v>104</v>
      </c>
      <c r="G67" s="43" t="s">
        <v>401</v>
      </c>
      <c r="H67" s="91" t="s">
        <v>104</v>
      </c>
      <c r="I67" s="68" t="s">
        <v>89</v>
      </c>
      <c r="J67" s="69" t="s">
        <v>90</v>
      </c>
      <c r="K67" s="70" t="s">
        <v>91</v>
      </c>
      <c r="L67" s="69" t="s">
        <v>399</v>
      </c>
      <c r="M67" s="70" t="s">
        <v>91</v>
      </c>
      <c r="N67" s="69" t="s">
        <v>401</v>
      </c>
      <c r="O67" s="70" t="s">
        <v>104</v>
      </c>
      <c r="P67" s="42" t="s">
        <v>89</v>
      </c>
      <c r="Q67" s="43" t="s">
        <v>90</v>
      </c>
      <c r="R67" s="44" t="s">
        <v>91</v>
      </c>
      <c r="S67" s="43" t="s">
        <v>399</v>
      </c>
      <c r="T67" s="319" t="s">
        <v>104</v>
      </c>
      <c r="U67" s="43" t="s">
        <v>401</v>
      </c>
      <c r="V67" s="44" t="s">
        <v>104</v>
      </c>
      <c r="W67" s="68" t="s">
        <v>89</v>
      </c>
      <c r="X67" s="69" t="s">
        <v>90</v>
      </c>
      <c r="Y67" s="70" t="s">
        <v>91</v>
      </c>
      <c r="Z67" s="69" t="s">
        <v>399</v>
      </c>
      <c r="AA67" s="70" t="s">
        <v>104</v>
      </c>
      <c r="AB67" s="69" t="s">
        <v>401</v>
      </c>
      <c r="AC67" s="70" t="s">
        <v>104</v>
      </c>
      <c r="AD67" s="42" t="s">
        <v>89</v>
      </c>
      <c r="AE67" s="43" t="s">
        <v>90</v>
      </c>
      <c r="AF67" s="44" t="s">
        <v>91</v>
      </c>
      <c r="AG67" s="43" t="s">
        <v>399</v>
      </c>
      <c r="AH67" s="44" t="s">
        <v>104</v>
      </c>
      <c r="AI67" s="43" t="s">
        <v>401</v>
      </c>
      <c r="AJ67" s="44" t="s">
        <v>104</v>
      </c>
      <c r="AK67" s="68" t="s">
        <v>89</v>
      </c>
      <c r="AL67" s="69" t="s">
        <v>90</v>
      </c>
      <c r="AM67" s="70" t="s">
        <v>91</v>
      </c>
      <c r="AN67" s="69" t="s">
        <v>399</v>
      </c>
      <c r="AO67" s="70" t="s">
        <v>104</v>
      </c>
      <c r="AP67" s="69" t="s">
        <v>401</v>
      </c>
      <c r="AQ67" s="70" t="s">
        <v>104</v>
      </c>
      <c r="AR67" s="42" t="s">
        <v>89</v>
      </c>
      <c r="AS67" s="43" t="s">
        <v>90</v>
      </c>
      <c r="AT67" s="44" t="s">
        <v>91</v>
      </c>
      <c r="AU67" s="43" t="s">
        <v>399</v>
      </c>
      <c r="AV67" s="44" t="s">
        <v>104</v>
      </c>
      <c r="AW67" s="43" t="s">
        <v>401</v>
      </c>
      <c r="AX67" s="44" t="s">
        <v>104</v>
      </c>
    </row>
    <row r="68" spans="1:50">
      <c r="A68" s="45" t="s">
        <v>424</v>
      </c>
      <c r="B68" s="71">
        <v>10766</v>
      </c>
      <c r="C68" s="72">
        <v>73.135428260761017</v>
      </c>
      <c r="D68" s="73">
        <v>0.37240000000000001</v>
      </c>
      <c r="E68" s="291">
        <v>0.20522505740697988</v>
      </c>
      <c r="F68" s="292">
        <v>7.7847615631944592E-3</v>
      </c>
      <c r="G68" s="293">
        <v>0.48888295947074295</v>
      </c>
      <c r="H68" s="292">
        <v>9.6335166845829701E-3</v>
      </c>
      <c r="I68" s="71">
        <v>10748</v>
      </c>
      <c r="J68" s="72">
        <v>67.244438009910041</v>
      </c>
      <c r="K68" s="73">
        <v>0.43119999999999997</v>
      </c>
      <c r="L68" s="291">
        <v>0.29288641574317659</v>
      </c>
      <c r="M68" s="292">
        <v>8.7783527455123182E-3</v>
      </c>
      <c r="N68" s="293">
        <v>0.37098466872147023</v>
      </c>
      <c r="O68" s="292">
        <v>9.317630550416553E-3</v>
      </c>
      <c r="P68" s="71">
        <v>10706</v>
      </c>
      <c r="Q68" s="72">
        <v>66.708067282196211</v>
      </c>
      <c r="R68" s="73">
        <v>0.43119999999999997</v>
      </c>
      <c r="S68" s="291">
        <v>0.30939327802456323</v>
      </c>
      <c r="T68" s="320">
        <v>8.9337474383294809E-3</v>
      </c>
      <c r="U68" s="293">
        <v>0.37713076216647812</v>
      </c>
      <c r="V68" s="292">
        <v>9.3667753238603733E-3</v>
      </c>
      <c r="W68" s="71">
        <v>10727</v>
      </c>
      <c r="X68" s="72">
        <v>72.249166577051611</v>
      </c>
      <c r="Y68" s="73">
        <v>0.45080000000000003</v>
      </c>
      <c r="Z68" s="291">
        <v>0.24613325917532536</v>
      </c>
      <c r="AA68" s="292">
        <v>8.3176099636993687E-3</v>
      </c>
      <c r="AB68" s="293">
        <v>0.50729486023454118</v>
      </c>
      <c r="AC68" s="292">
        <v>9.652364421046453E-3</v>
      </c>
      <c r="AD68" s="71">
        <v>10744</v>
      </c>
      <c r="AE68" s="72">
        <v>76.90012075999887</v>
      </c>
      <c r="AF68" s="73">
        <v>0.39200000000000002</v>
      </c>
      <c r="AG68" s="291">
        <v>0.17387008807585744</v>
      </c>
      <c r="AH68" s="292">
        <v>7.3134517920980168E-3</v>
      </c>
      <c r="AI68" s="293">
        <v>0.58217472179114405</v>
      </c>
      <c r="AJ68" s="292">
        <v>9.5146908201943509E-3</v>
      </c>
      <c r="AK68" s="71">
        <v>10731</v>
      </c>
      <c r="AL68" s="72">
        <v>66.261620619360528</v>
      </c>
      <c r="AM68" s="73">
        <v>0.47039999999999998</v>
      </c>
      <c r="AN68" s="291">
        <v>0.33457951537585506</v>
      </c>
      <c r="AO68" s="292">
        <v>9.1084947689733711E-3</v>
      </c>
      <c r="AP68" s="293">
        <v>0.37200657019711392</v>
      </c>
      <c r="AQ68" s="292">
        <v>9.3302476626240857E-3</v>
      </c>
      <c r="AR68" s="71">
        <v>10727</v>
      </c>
      <c r="AS68" s="72">
        <v>65.772635405535141</v>
      </c>
      <c r="AT68" s="73">
        <v>0.47039999999999998</v>
      </c>
      <c r="AU68" s="291">
        <v>0.34369699703039691</v>
      </c>
      <c r="AV68" s="292">
        <v>9.1699610686267127E-3</v>
      </c>
      <c r="AW68" s="293">
        <v>0.38301445633193187</v>
      </c>
      <c r="AX68" s="292">
        <v>9.3856498650825883E-3</v>
      </c>
    </row>
    <row r="69" spans="1:50" s="5" customFormat="1">
      <c r="A69" s="49" t="s">
        <v>425</v>
      </c>
      <c r="B69" s="74">
        <v>8631</v>
      </c>
      <c r="C69" s="75">
        <v>74.7</v>
      </c>
      <c r="D69" s="76">
        <v>0.86009789626306943</v>
      </c>
      <c r="E69" s="294">
        <v>0.17586983603405243</v>
      </c>
      <c r="F69" s="295">
        <v>8.1966832363148008E-3</v>
      </c>
      <c r="G69" s="296">
        <v>0.53085617451249889</v>
      </c>
      <c r="H69" s="295">
        <v>1.0740908888076038E-2</v>
      </c>
      <c r="I69" s="74">
        <v>8613</v>
      </c>
      <c r="J69" s="75">
        <v>67.3</v>
      </c>
      <c r="K69" s="76">
        <v>0.48193448647016601</v>
      </c>
      <c r="L69" s="294">
        <v>0.29217886064190407</v>
      </c>
      <c r="M69" s="295">
        <v>9.7989647790480815E-3</v>
      </c>
      <c r="N69" s="296">
        <v>0.38767625270226186</v>
      </c>
      <c r="O69" s="295">
        <v>1.0497546618219396E-2</v>
      </c>
      <c r="P69" s="74">
        <v>8573</v>
      </c>
      <c r="Q69" s="75">
        <v>68.2</v>
      </c>
      <c r="R69" s="76">
        <v>0.49818328050476535</v>
      </c>
      <c r="S69" s="294">
        <v>0.28572427394142869</v>
      </c>
      <c r="T69" s="321">
        <v>9.7569562106019202E-3</v>
      </c>
      <c r="U69" s="296">
        <v>0.41204099339409267</v>
      </c>
      <c r="V69" s="295">
        <v>1.0629491615611822E-2</v>
      </c>
      <c r="W69" s="74">
        <v>8597</v>
      </c>
      <c r="X69" s="75">
        <v>73.900000000000006</v>
      </c>
      <c r="Y69" s="76">
        <v>0.53157993772949064</v>
      </c>
      <c r="Z69" s="294">
        <v>0.22784727349514175</v>
      </c>
      <c r="AA69" s="295">
        <v>9.0471968192979112E-3</v>
      </c>
      <c r="AB69" s="296">
        <v>0.54810613424163757</v>
      </c>
      <c r="AC69" s="295">
        <v>1.0732674611188835E-2</v>
      </c>
      <c r="AD69" s="74">
        <v>8608</v>
      </c>
      <c r="AE69" s="75">
        <v>79.900000000000006</v>
      </c>
      <c r="AF69" s="76">
        <v>0.41785688438405927</v>
      </c>
      <c r="AG69" s="294">
        <v>0.13214380541779616</v>
      </c>
      <c r="AH69" s="295">
        <v>7.3023576826835492E-3</v>
      </c>
      <c r="AI69" s="296">
        <v>0.65143159250061433</v>
      </c>
      <c r="AJ69" s="295">
        <v>1.0270149607307251E-2</v>
      </c>
      <c r="AK69" s="74">
        <v>8599</v>
      </c>
      <c r="AL69" s="75">
        <v>67.904732219742087</v>
      </c>
      <c r="AM69" s="76">
        <v>0.52990660255985966</v>
      </c>
      <c r="AN69" s="294">
        <v>0.30692797835391811</v>
      </c>
      <c r="AO69" s="295">
        <v>9.9459857142682826E-3</v>
      </c>
      <c r="AP69" s="296">
        <v>0.4177179721608541</v>
      </c>
      <c r="AQ69" s="295">
        <v>1.0634545333156572E-2</v>
      </c>
      <c r="AR69" s="74">
        <v>8596</v>
      </c>
      <c r="AS69" s="75">
        <v>66.794773861409993</v>
      </c>
      <c r="AT69" s="76">
        <v>0.55093223520780721</v>
      </c>
      <c r="AU69" s="294">
        <v>0.33223827389589</v>
      </c>
      <c r="AV69" s="295">
        <v>1.0158789930415715E-2</v>
      </c>
      <c r="AW69" s="296">
        <v>0.42084903614586078</v>
      </c>
      <c r="AX69" s="295">
        <v>1.0647435576317366E-2</v>
      </c>
    </row>
    <row r="70" spans="1:50" s="5" customFormat="1">
      <c r="A70" s="53" t="s">
        <v>426</v>
      </c>
      <c r="B70" s="54">
        <v>1969</v>
      </c>
      <c r="C70" s="55">
        <v>69.8</v>
      </c>
      <c r="D70" s="56">
        <v>0.98</v>
      </c>
      <c r="E70" s="290">
        <v>0.27200000000000002</v>
      </c>
      <c r="F70" s="297">
        <v>2.0046907378907096E-2</v>
      </c>
      <c r="G70" s="290">
        <v>0.39700000000000002</v>
      </c>
      <c r="H70" s="297">
        <v>2.2032274769443777E-2</v>
      </c>
      <c r="I70" s="54">
        <v>1969</v>
      </c>
      <c r="J70" s="55">
        <v>67.099999999999994</v>
      </c>
      <c r="K70" s="56">
        <v>0.98</v>
      </c>
      <c r="L70" s="290">
        <v>0.29499999999999998</v>
      </c>
      <c r="M70" s="297">
        <v>2.054232907135875E-2</v>
      </c>
      <c r="N70" s="290">
        <v>0.33600000000000002</v>
      </c>
      <c r="O70" s="297">
        <v>2.1272872760411617E-2</v>
      </c>
      <c r="P70" s="54">
        <v>1965</v>
      </c>
      <c r="Q70" s="55">
        <v>63.7</v>
      </c>
      <c r="R70" s="56">
        <v>0.98</v>
      </c>
      <c r="S70" s="290">
        <v>0.36199999999999999</v>
      </c>
      <c r="T70" s="320">
        <v>2.1664288239265389E-2</v>
      </c>
      <c r="U70" s="290">
        <v>0.29599999999999999</v>
      </c>
      <c r="V70" s="297">
        <v>2.0583312508429628E-2</v>
      </c>
      <c r="W70" s="54">
        <v>1964</v>
      </c>
      <c r="X70" s="55">
        <v>69.599999999999994</v>
      </c>
      <c r="Y70" s="56">
        <v>1.1759999999999999</v>
      </c>
      <c r="Z70" s="290">
        <v>0.28299999999999997</v>
      </c>
      <c r="AA70" s="297">
        <v>2.0317711453690449E-2</v>
      </c>
      <c r="AB70" s="290">
        <v>0.42499999999999999</v>
      </c>
      <c r="AC70" s="297">
        <v>2.2287745120421008E-2</v>
      </c>
      <c r="AD70" s="54">
        <v>1970</v>
      </c>
      <c r="AE70" s="55">
        <v>72.900000000000006</v>
      </c>
      <c r="AF70" s="56">
        <v>0.98</v>
      </c>
      <c r="AG70" s="290">
        <v>0.22900000000000001</v>
      </c>
      <c r="AH70" s="297">
        <v>1.8930702384304169E-2</v>
      </c>
      <c r="AI70" s="290">
        <v>0.47899999999999998</v>
      </c>
      <c r="AJ70" s="297">
        <v>2.2487676932628646E-2</v>
      </c>
      <c r="AK70" s="54">
        <v>1968</v>
      </c>
      <c r="AL70" s="55">
        <v>61.6</v>
      </c>
      <c r="AM70" s="56">
        <v>0.98</v>
      </c>
      <c r="AN70" s="290">
        <v>0.40699999999999997</v>
      </c>
      <c r="AO70" s="297">
        <v>2.2127514085083181E-2</v>
      </c>
      <c r="AP70" s="290">
        <v>0.252</v>
      </c>
      <c r="AQ70" s="297">
        <v>1.9566563776093275E-2</v>
      </c>
      <c r="AR70" s="54">
        <v>1965</v>
      </c>
      <c r="AS70" s="55">
        <v>63.4</v>
      </c>
      <c r="AT70" s="56">
        <v>1.1759999999999999</v>
      </c>
      <c r="AU70" s="290">
        <v>0.377</v>
      </c>
      <c r="AV70" s="297">
        <v>2.1846335609011686E-2</v>
      </c>
      <c r="AW70" s="290">
        <v>0.30399999999999999</v>
      </c>
      <c r="AX70" s="297">
        <v>2.0739988669619021E-2</v>
      </c>
    </row>
    <row r="71" spans="1:50" s="5" customFormat="1">
      <c r="A71" s="49" t="s">
        <v>427</v>
      </c>
      <c r="B71" s="74">
        <v>8255</v>
      </c>
      <c r="C71" s="75">
        <v>73.099999999999994</v>
      </c>
      <c r="D71" s="76">
        <v>0.39200000000000002</v>
      </c>
      <c r="E71" s="294">
        <v>0.20599999999999999</v>
      </c>
      <c r="F71" s="295">
        <v>8.9026894101593181E-3</v>
      </c>
      <c r="G71" s="296">
        <v>0.48799999999999999</v>
      </c>
      <c r="H71" s="295">
        <v>1.1000470869082324E-2</v>
      </c>
      <c r="I71" s="74">
        <v>8242</v>
      </c>
      <c r="J71" s="75">
        <v>67.2</v>
      </c>
      <c r="K71" s="76">
        <v>0.58799999999999997</v>
      </c>
      <c r="L71" s="294">
        <v>0.29299999999999998</v>
      </c>
      <c r="M71" s="295">
        <v>1.0025254567249528E-2</v>
      </c>
      <c r="N71" s="296">
        <v>0.371</v>
      </c>
      <c r="O71" s="295">
        <v>1.0639852974845026E-2</v>
      </c>
      <c r="P71" s="74">
        <v>8242</v>
      </c>
      <c r="Q71" s="75">
        <v>66.7</v>
      </c>
      <c r="R71" s="76">
        <v>0.58799999999999997</v>
      </c>
      <c r="S71" s="294">
        <v>0.31</v>
      </c>
      <c r="T71" s="321">
        <v>1.0187069425571203E-2</v>
      </c>
      <c r="U71" s="296">
        <v>0.376</v>
      </c>
      <c r="V71" s="295">
        <v>1.0668622544518681E-2</v>
      </c>
      <c r="W71" s="74">
        <v>8228</v>
      </c>
      <c r="X71" s="75">
        <v>72.2</v>
      </c>
      <c r="Y71" s="76">
        <v>0.58799999999999997</v>
      </c>
      <c r="Z71" s="294">
        <v>0.247</v>
      </c>
      <c r="AA71" s="295">
        <v>9.5081467278579478E-3</v>
      </c>
      <c r="AB71" s="296">
        <v>0.50700000000000001</v>
      </c>
      <c r="AC71" s="295">
        <v>1.1020588727584602E-2</v>
      </c>
      <c r="AD71" s="74">
        <v>8239</v>
      </c>
      <c r="AE71" s="75">
        <v>76.900000000000006</v>
      </c>
      <c r="AF71" s="76">
        <v>0.39200000000000002</v>
      </c>
      <c r="AG71" s="294">
        <v>0.17399999999999999</v>
      </c>
      <c r="AH71" s="295">
        <v>1.0868962787475654E-2</v>
      </c>
      <c r="AI71" s="296">
        <v>0.58099999999999996</v>
      </c>
      <c r="AJ71" s="295">
        <v>8.3542551456793346E-3</v>
      </c>
      <c r="AK71" s="74">
        <v>8227</v>
      </c>
      <c r="AL71" s="75">
        <v>66.2</v>
      </c>
      <c r="AM71" s="76">
        <v>0.58799999999999997</v>
      </c>
      <c r="AN71" s="294">
        <v>0.33500000000000002</v>
      </c>
      <c r="AO71" s="295">
        <v>1.0405494060871894E-2</v>
      </c>
      <c r="AP71" s="296">
        <v>0.371</v>
      </c>
      <c r="AQ71" s="295">
        <v>1.0649544154186929E-2</v>
      </c>
      <c r="AR71" s="74">
        <v>8222</v>
      </c>
      <c r="AS71" s="75">
        <v>65.7</v>
      </c>
      <c r="AT71" s="76">
        <v>0.58799999999999997</v>
      </c>
      <c r="AU71" s="294">
        <v>0.34399999999999997</v>
      </c>
      <c r="AV71" s="295">
        <v>1.0475856758847208E-2</v>
      </c>
      <c r="AW71" s="296">
        <v>0.38200000000000001</v>
      </c>
      <c r="AX71" s="295">
        <v>1.0714551937654164E-2</v>
      </c>
    </row>
    <row r="72" spans="1:50" s="5" customFormat="1">
      <c r="A72" s="53" t="s">
        <v>428</v>
      </c>
      <c r="B72" s="54">
        <v>2513</v>
      </c>
      <c r="C72" s="55">
        <v>77.400000000000006</v>
      </c>
      <c r="D72" s="56">
        <v>0.78400000000000003</v>
      </c>
      <c r="E72" s="290">
        <v>0.12</v>
      </c>
      <c r="F72" s="297">
        <v>1.298258938581646E-2</v>
      </c>
      <c r="G72" s="290">
        <v>0.59699999999999998</v>
      </c>
      <c r="H72" s="297">
        <v>1.9554875027837499E-2</v>
      </c>
      <c r="I72" s="54">
        <v>2508</v>
      </c>
      <c r="J72" s="55">
        <v>69.8</v>
      </c>
      <c r="K72" s="56">
        <v>0.78400000000000003</v>
      </c>
      <c r="L72" s="290">
        <v>0.24</v>
      </c>
      <c r="M72" s="297">
        <v>1.705251887634535E-2</v>
      </c>
      <c r="N72" s="290">
        <v>0.42899999999999999</v>
      </c>
      <c r="O72" s="297">
        <v>1.9750636584039284E-2</v>
      </c>
      <c r="P72" s="54">
        <v>2508</v>
      </c>
      <c r="Q72" s="55">
        <v>72.099999999999994</v>
      </c>
      <c r="R72" s="56">
        <v>0.78400000000000003</v>
      </c>
      <c r="S72" s="290">
        <v>0.20399999999999999</v>
      </c>
      <c r="T72" s="320">
        <v>1.609401170867638E-2</v>
      </c>
      <c r="U72" s="290">
        <v>0.48499999999999999</v>
      </c>
      <c r="V72" s="297">
        <v>1.994322019712989E-2</v>
      </c>
      <c r="W72" s="54">
        <v>2501</v>
      </c>
      <c r="X72" s="55">
        <v>75.599999999999994</v>
      </c>
      <c r="Y72" s="56">
        <v>0.78400000000000003</v>
      </c>
      <c r="Z72" s="290">
        <v>0.189</v>
      </c>
      <c r="AA72" s="297">
        <v>1.5660451111846004E-2</v>
      </c>
      <c r="AB72" s="290">
        <v>0.58799999999999997</v>
      </c>
      <c r="AC72" s="297">
        <v>1.9669148120120813E-2</v>
      </c>
      <c r="AD72" s="54">
        <v>2507</v>
      </c>
      <c r="AE72" s="55">
        <v>83.1</v>
      </c>
      <c r="AF72" s="56">
        <v>0.78400000000000003</v>
      </c>
      <c r="AG72" s="290">
        <v>9.6000000000000002E-2</v>
      </c>
      <c r="AH72" s="297">
        <v>1.7404965771302086E-2</v>
      </c>
      <c r="AI72" s="290">
        <v>0.745</v>
      </c>
      <c r="AJ72" s="297">
        <v>1.1792956271089488E-2</v>
      </c>
      <c r="AK72" s="54">
        <v>2506</v>
      </c>
      <c r="AL72" s="55">
        <v>73</v>
      </c>
      <c r="AM72" s="56">
        <v>0.98</v>
      </c>
      <c r="AN72" s="290">
        <v>0.22800000000000001</v>
      </c>
      <c r="AO72" s="297">
        <v>1.6759447246483022E-2</v>
      </c>
      <c r="AP72" s="290">
        <v>0.54</v>
      </c>
      <c r="AQ72" s="297">
        <v>1.989634876264303E-2</v>
      </c>
      <c r="AR72" s="54">
        <v>2507</v>
      </c>
      <c r="AS72" s="55">
        <v>71.900000000000006</v>
      </c>
      <c r="AT72" s="56">
        <v>0.98</v>
      </c>
      <c r="AU72" s="290">
        <v>0.25</v>
      </c>
      <c r="AV72" s="297">
        <v>1.7291695474521605E-2</v>
      </c>
      <c r="AW72" s="290">
        <v>0.53400000000000003</v>
      </c>
      <c r="AX72" s="297">
        <v>1.9910099823161973E-2</v>
      </c>
    </row>
    <row r="73" spans="1:50" s="5" customFormat="1">
      <c r="A73" s="49" t="s">
        <v>429</v>
      </c>
      <c r="B73" s="74">
        <v>617</v>
      </c>
      <c r="C73" s="75">
        <v>76.599999999999994</v>
      </c>
      <c r="D73" s="76">
        <v>1.5680000000000001</v>
      </c>
      <c r="E73" s="294">
        <v>0.12</v>
      </c>
      <c r="F73" s="295">
        <v>2.6308492457485011E-2</v>
      </c>
      <c r="G73" s="296">
        <v>0.56399999999999995</v>
      </c>
      <c r="H73" s="295">
        <v>3.9802782460065279E-2</v>
      </c>
      <c r="I73" s="74">
        <v>613</v>
      </c>
      <c r="J73" s="75">
        <v>68.7</v>
      </c>
      <c r="K73" s="76">
        <v>1.5680000000000001</v>
      </c>
      <c r="L73" s="294">
        <v>0.247</v>
      </c>
      <c r="M73" s="295">
        <v>3.4801427733310929E-2</v>
      </c>
      <c r="N73" s="296">
        <v>0.378</v>
      </c>
      <c r="O73" s="295">
        <v>3.9057648441770385E-2</v>
      </c>
      <c r="P73" s="74">
        <v>613</v>
      </c>
      <c r="Q73" s="75">
        <v>70.400000000000006</v>
      </c>
      <c r="R73" s="76">
        <v>1.764</v>
      </c>
      <c r="S73" s="294">
        <v>0.214</v>
      </c>
      <c r="T73" s="321">
        <v>3.312577340383413E-2</v>
      </c>
      <c r="U73" s="296">
        <v>0.43099999999999999</v>
      </c>
      <c r="V73" s="295">
        <v>3.987830197327373E-2</v>
      </c>
      <c r="W73" s="74">
        <v>612</v>
      </c>
      <c r="X73" s="75">
        <v>74.5</v>
      </c>
      <c r="Y73" s="76">
        <v>1.96</v>
      </c>
      <c r="Z73" s="294">
        <v>0.20399999999999999</v>
      </c>
      <c r="AA73" s="295">
        <v>3.2585369968977491E-2</v>
      </c>
      <c r="AB73" s="296">
        <v>0.53600000000000003</v>
      </c>
      <c r="AC73" s="295">
        <v>4.0187933231465731E-2</v>
      </c>
      <c r="AD73" s="74">
        <v>613</v>
      </c>
      <c r="AE73" s="75">
        <v>81.900000000000006</v>
      </c>
      <c r="AF73" s="76">
        <v>1.3719999999999999</v>
      </c>
      <c r="AG73" s="294">
        <v>0.122</v>
      </c>
      <c r="AH73" s="295">
        <v>3.6659114886840455E-2</v>
      </c>
      <c r="AI73" s="296">
        <v>0.70799999999999996</v>
      </c>
      <c r="AJ73" s="295">
        <v>2.657823820332484E-2</v>
      </c>
      <c r="AK73" s="74">
        <v>615</v>
      </c>
      <c r="AL73" s="75">
        <v>71.3</v>
      </c>
      <c r="AM73" s="76">
        <v>1.764</v>
      </c>
      <c r="AN73" s="294">
        <v>0.24399999999999999</v>
      </c>
      <c r="AO73" s="295">
        <v>3.460445826297074E-2</v>
      </c>
      <c r="AP73" s="296">
        <v>0.505</v>
      </c>
      <c r="AQ73" s="295">
        <v>4.0191409723465528E-2</v>
      </c>
      <c r="AR73" s="74">
        <v>616</v>
      </c>
      <c r="AS73" s="75">
        <v>71.099999999999994</v>
      </c>
      <c r="AT73" s="76">
        <v>1.96</v>
      </c>
      <c r="AU73" s="294">
        <v>0.28599999999999998</v>
      </c>
      <c r="AV73" s="295">
        <v>3.6348937061085836E-2</v>
      </c>
      <c r="AW73" s="296">
        <v>0.496</v>
      </c>
      <c r="AX73" s="295">
        <v>4.0159697803261542E-2</v>
      </c>
    </row>
    <row r="74" spans="1:50" s="5" customFormat="1">
      <c r="A74" s="53" t="s">
        <v>430</v>
      </c>
      <c r="B74" s="54">
        <v>1588</v>
      </c>
      <c r="C74" s="55">
        <v>77.8</v>
      </c>
      <c r="D74" s="56">
        <v>0.98</v>
      </c>
      <c r="E74" s="290">
        <v>0.11799999999999999</v>
      </c>
      <c r="F74" s="297">
        <v>1.6227680088366822E-2</v>
      </c>
      <c r="G74" s="290">
        <v>0.60499999999999998</v>
      </c>
      <c r="H74" s="297">
        <v>2.4506707748024277E-2</v>
      </c>
      <c r="I74" s="54">
        <v>1587</v>
      </c>
      <c r="J74" s="55">
        <v>69.8</v>
      </c>
      <c r="K74" s="56">
        <v>0.98</v>
      </c>
      <c r="L74" s="290">
        <v>0.23799999999999999</v>
      </c>
      <c r="M74" s="297">
        <v>2.1373381569161624E-2</v>
      </c>
      <c r="N74" s="290">
        <v>0.438</v>
      </c>
      <c r="O74" s="297">
        <v>2.4878096476426168E-2</v>
      </c>
      <c r="P74" s="54">
        <v>1587</v>
      </c>
      <c r="Q74" s="55">
        <v>72.599999999999994</v>
      </c>
      <c r="R74" s="56">
        <v>0.98</v>
      </c>
      <c r="S74" s="290">
        <v>0.20100000000000001</v>
      </c>
      <c r="T74" s="320">
        <v>2.0122064247831254E-2</v>
      </c>
      <c r="U74" s="290">
        <v>0.499</v>
      </c>
      <c r="V74" s="297">
        <v>2.5070560638731677E-2</v>
      </c>
      <c r="W74" s="54">
        <v>1581</v>
      </c>
      <c r="X74" s="55">
        <v>75.599999999999994</v>
      </c>
      <c r="Y74" s="56">
        <v>1.1759999999999999</v>
      </c>
      <c r="Z74" s="290">
        <v>0.19</v>
      </c>
      <c r="AA74" s="297">
        <v>1.973863512945E-2</v>
      </c>
      <c r="AB74" s="290">
        <v>0.58699999999999997</v>
      </c>
      <c r="AC74" s="297">
        <v>2.4736805357659163E-2</v>
      </c>
      <c r="AD74" s="54">
        <v>1586</v>
      </c>
      <c r="AE74" s="55">
        <v>83.4</v>
      </c>
      <c r="AF74" s="56">
        <v>0.98</v>
      </c>
      <c r="AG74" s="290">
        <v>9.0999999999999998E-2</v>
      </c>
      <c r="AH74" s="297">
        <v>2.1590922753575402E-2</v>
      </c>
      <c r="AI74" s="290">
        <v>0.755</v>
      </c>
      <c r="AJ74" s="297">
        <v>1.4498718807868134E-2</v>
      </c>
      <c r="AK74" s="54">
        <v>1585</v>
      </c>
      <c r="AL74" s="55">
        <v>73.2</v>
      </c>
      <c r="AM74" s="56">
        <v>1.1759999999999999</v>
      </c>
      <c r="AN74" s="290">
        <v>0.23300000000000001</v>
      </c>
      <c r="AO74" s="297">
        <v>2.123140867568981E-2</v>
      </c>
      <c r="AP74" s="290">
        <v>0.53800000000000003</v>
      </c>
      <c r="AQ74" s="297">
        <v>2.5014194124381089E-2</v>
      </c>
      <c r="AR74" s="54">
        <v>1584</v>
      </c>
      <c r="AS74" s="55">
        <v>72</v>
      </c>
      <c r="AT74" s="56">
        <v>1.1759999999999999</v>
      </c>
      <c r="AU74" s="290">
        <v>0.24099999999999999</v>
      </c>
      <c r="AV74" s="297">
        <v>2.1484955425773195E-2</v>
      </c>
      <c r="AW74" s="290">
        <v>0.53800000000000003</v>
      </c>
      <c r="AX74" s="297">
        <v>2.5022069120402453E-2</v>
      </c>
    </row>
    <row r="75" spans="1:50" s="5" customFormat="1">
      <c r="A75" s="49" t="s">
        <v>431</v>
      </c>
      <c r="B75" s="74">
        <v>239</v>
      </c>
      <c r="C75" s="75">
        <v>78.400000000000006</v>
      </c>
      <c r="D75" s="76">
        <v>2.3519999999999999</v>
      </c>
      <c r="E75" s="294">
        <v>0.11700000000000001</v>
      </c>
      <c r="F75" s="295">
        <v>4.2183319394017225E-2</v>
      </c>
      <c r="G75" s="296">
        <v>0.58199999999999996</v>
      </c>
      <c r="H75" s="295">
        <v>6.3310007960782622E-2</v>
      </c>
      <c r="I75" s="74">
        <v>239</v>
      </c>
      <c r="J75" s="75">
        <v>73.599999999999994</v>
      </c>
      <c r="K75" s="76">
        <v>2.548</v>
      </c>
      <c r="L75" s="294">
        <v>0.22700000000000001</v>
      </c>
      <c r="M75" s="295">
        <v>5.4115321936256754E-2</v>
      </c>
      <c r="N75" s="296">
        <v>0.41699999999999998</v>
      </c>
      <c r="O75" s="295">
        <v>6.3289254537644168E-2</v>
      </c>
      <c r="P75" s="74">
        <v>239</v>
      </c>
      <c r="Q75" s="75">
        <v>76.400000000000006</v>
      </c>
      <c r="R75" s="76">
        <v>2.548</v>
      </c>
      <c r="S75" s="294">
        <v>0.112</v>
      </c>
      <c r="T75" s="321">
        <v>4.1449337305501724E-2</v>
      </c>
      <c r="U75" s="296">
        <v>0.47</v>
      </c>
      <c r="V75" s="295">
        <v>6.4038232634259923E-2</v>
      </c>
      <c r="W75" s="74">
        <v>239</v>
      </c>
      <c r="X75" s="75">
        <v>76.2</v>
      </c>
      <c r="Y75" s="76">
        <v>2.7439999999999998</v>
      </c>
      <c r="Z75" s="294">
        <v>0.17100000000000001</v>
      </c>
      <c r="AA75" s="295">
        <v>4.8904569973113828E-2</v>
      </c>
      <c r="AB75" s="296">
        <v>0.57899999999999996</v>
      </c>
      <c r="AC75" s="295">
        <v>6.3370719822892746E-2</v>
      </c>
      <c r="AD75" s="74">
        <v>239</v>
      </c>
      <c r="AE75" s="75">
        <v>80.2</v>
      </c>
      <c r="AF75" s="76">
        <v>2.548</v>
      </c>
      <c r="AG75" s="294">
        <v>0.155</v>
      </c>
      <c r="AH75" s="295">
        <v>6.0501544503865037E-2</v>
      </c>
      <c r="AI75" s="296">
        <v>0.66900000000000004</v>
      </c>
      <c r="AJ75" s="295">
        <v>4.7116223925443443E-2</v>
      </c>
      <c r="AK75" s="74">
        <v>238</v>
      </c>
      <c r="AL75" s="75">
        <v>71.900000000000006</v>
      </c>
      <c r="AM75" s="76">
        <v>2.94</v>
      </c>
      <c r="AN75" s="294">
        <v>0.28199999999999997</v>
      </c>
      <c r="AO75" s="295">
        <v>5.8072917616488445E-2</v>
      </c>
      <c r="AP75" s="296">
        <v>0.51200000000000001</v>
      </c>
      <c r="AQ75" s="295">
        <v>6.4264525770797623E-2</v>
      </c>
      <c r="AR75" s="74">
        <v>237</v>
      </c>
      <c r="AS75" s="75">
        <v>70.099999999999994</v>
      </c>
      <c r="AT75" s="76">
        <v>3.1360000000000001</v>
      </c>
      <c r="AU75" s="294">
        <v>0.28399999999999997</v>
      </c>
      <c r="AV75" s="295">
        <v>5.8313773412220035E-2</v>
      </c>
      <c r="AW75" s="296">
        <v>0.52300000000000002</v>
      </c>
      <c r="AX75" s="295">
        <v>6.4349720641945107E-2</v>
      </c>
    </row>
    <row r="76" spans="1:50" s="5" customFormat="1">
      <c r="A76" s="53" t="s">
        <v>432</v>
      </c>
      <c r="B76" s="54">
        <v>553</v>
      </c>
      <c r="C76" s="55">
        <v>73.5</v>
      </c>
      <c r="D76" s="56">
        <v>1.5680000000000001</v>
      </c>
      <c r="E76" s="290">
        <v>0.14699999999999999</v>
      </c>
      <c r="F76" s="297">
        <v>3.0220528776771147E-2</v>
      </c>
      <c r="G76" s="290">
        <v>0.47199999999999998</v>
      </c>
      <c r="H76" s="297">
        <v>4.2305821686733955E-2</v>
      </c>
      <c r="I76" s="54">
        <v>552</v>
      </c>
      <c r="J76" s="55">
        <v>65.900000000000006</v>
      </c>
      <c r="K76" s="56">
        <v>1.764</v>
      </c>
      <c r="L76" s="290">
        <v>0.28399999999999997</v>
      </c>
      <c r="M76" s="297">
        <v>3.8310816566292018E-2</v>
      </c>
      <c r="N76" s="290">
        <v>0.33600000000000002</v>
      </c>
      <c r="O76" s="297">
        <v>4.0097865956715897E-2</v>
      </c>
      <c r="P76" s="54">
        <v>552</v>
      </c>
      <c r="Q76" s="55">
        <v>65.8</v>
      </c>
      <c r="R76" s="56">
        <v>1.96</v>
      </c>
      <c r="S76" s="290">
        <v>0.31</v>
      </c>
      <c r="T76" s="320">
        <v>3.9275594782496349E-2</v>
      </c>
      <c r="U76" s="290">
        <v>0.36</v>
      </c>
      <c r="V76" s="297">
        <v>4.0737888251552654E-2</v>
      </c>
      <c r="W76" s="54">
        <v>551</v>
      </c>
      <c r="X76" s="55">
        <v>71.099999999999994</v>
      </c>
      <c r="Y76" s="56">
        <v>1.96</v>
      </c>
      <c r="Z76" s="290">
        <v>0.253</v>
      </c>
      <c r="AA76" s="297">
        <v>3.6992060503661585E-2</v>
      </c>
      <c r="AB76" s="290">
        <v>0.498</v>
      </c>
      <c r="AC76" s="297">
        <v>4.2447301292616695E-2</v>
      </c>
      <c r="AD76" s="54">
        <v>553</v>
      </c>
      <c r="AE76" s="55">
        <v>82.6</v>
      </c>
      <c r="AF76" s="56">
        <v>1.5680000000000001</v>
      </c>
      <c r="AG76" s="290">
        <v>8.7999999999999995E-2</v>
      </c>
      <c r="AH76" s="297">
        <v>3.888688595039505E-2</v>
      </c>
      <c r="AI76" s="290">
        <v>0.7</v>
      </c>
      <c r="AJ76" s="297">
        <v>2.4367801240140957E-2</v>
      </c>
      <c r="AK76" s="54">
        <v>549</v>
      </c>
      <c r="AL76" s="55">
        <v>68.400000000000006</v>
      </c>
      <c r="AM76" s="56">
        <v>2.1560000000000001</v>
      </c>
      <c r="AN76" s="290">
        <v>0.27800000000000002</v>
      </c>
      <c r="AO76" s="297">
        <v>3.8170303701786583E-2</v>
      </c>
      <c r="AP76" s="290">
        <v>0.44</v>
      </c>
      <c r="AQ76" s="297">
        <v>4.2221485340126666E-2</v>
      </c>
      <c r="AR76" s="54">
        <v>552</v>
      </c>
      <c r="AS76" s="55">
        <v>66.900000000000006</v>
      </c>
      <c r="AT76" s="56">
        <v>2.1560000000000001</v>
      </c>
      <c r="AU76" s="290">
        <v>0.32100000000000001</v>
      </c>
      <c r="AV76" s="297">
        <v>3.9640322036575713E-2</v>
      </c>
      <c r="AW76" s="290">
        <v>0.41699999999999998</v>
      </c>
      <c r="AX76" s="297">
        <v>4.182954153398373E-2</v>
      </c>
    </row>
    <row r="77" spans="1:50" s="5" customFormat="1">
      <c r="A77" s="49" t="s">
        <v>433</v>
      </c>
      <c r="B77" s="74">
        <v>721</v>
      </c>
      <c r="C77" s="75">
        <v>77.400000000000006</v>
      </c>
      <c r="D77" s="76">
        <v>1.3719999999999999</v>
      </c>
      <c r="E77" s="294">
        <v>0.126</v>
      </c>
      <c r="F77" s="295">
        <v>2.4820814567928479E-2</v>
      </c>
      <c r="G77" s="296">
        <v>0.63300000000000001</v>
      </c>
      <c r="H77" s="295">
        <v>3.5816055002399254E-2</v>
      </c>
      <c r="I77" s="74">
        <v>721</v>
      </c>
      <c r="J77" s="75">
        <v>70.900000000000006</v>
      </c>
      <c r="K77" s="76">
        <v>1.5680000000000001</v>
      </c>
      <c r="L77" s="294">
        <v>0.20699999999999999</v>
      </c>
      <c r="M77" s="295">
        <v>3.0180668493852539E-2</v>
      </c>
      <c r="N77" s="296">
        <v>0.46899999999999997</v>
      </c>
      <c r="O77" s="295">
        <v>3.7068404606294111E-2</v>
      </c>
      <c r="P77" s="74">
        <v>721</v>
      </c>
      <c r="Q77" s="75">
        <v>73</v>
      </c>
      <c r="R77" s="76">
        <v>1.5680000000000001</v>
      </c>
      <c r="S77" s="294">
        <v>0.17499999999999999</v>
      </c>
      <c r="T77" s="321">
        <v>2.8336626915454709E-2</v>
      </c>
      <c r="U77" s="296">
        <v>0.53</v>
      </c>
      <c r="V77" s="295">
        <v>3.7072893984021346E-2</v>
      </c>
      <c r="W77" s="74">
        <v>721</v>
      </c>
      <c r="X77" s="75">
        <v>75.8</v>
      </c>
      <c r="Y77" s="76">
        <v>1.5680000000000001</v>
      </c>
      <c r="Z77" s="294">
        <v>0.183</v>
      </c>
      <c r="AA77" s="295">
        <v>2.8826882593191688E-2</v>
      </c>
      <c r="AB77" s="296">
        <v>0.59199999999999997</v>
      </c>
      <c r="AC77" s="295">
        <v>3.6512001860007172E-2</v>
      </c>
      <c r="AD77" s="74">
        <v>721</v>
      </c>
      <c r="AE77" s="75">
        <v>84.3</v>
      </c>
      <c r="AF77" s="76">
        <v>1.3719999999999999</v>
      </c>
      <c r="AG77" s="294">
        <v>7.3999999999999996E-2</v>
      </c>
      <c r="AH77" s="295">
        <v>3.0127558280864216E-2</v>
      </c>
      <c r="AI77" s="296">
        <v>0.79400000000000004</v>
      </c>
      <c r="AJ77" s="295">
        <v>1.972514162141999E-2</v>
      </c>
      <c r="AK77" s="74">
        <v>722</v>
      </c>
      <c r="AL77" s="75">
        <v>73.7</v>
      </c>
      <c r="AM77" s="76">
        <v>1.764</v>
      </c>
      <c r="AN77" s="294">
        <v>0.222</v>
      </c>
      <c r="AO77" s="295">
        <v>3.0923817194240255E-2</v>
      </c>
      <c r="AP77" s="296">
        <v>0.56000000000000005</v>
      </c>
      <c r="AQ77" s="295">
        <v>3.6848252601391414E-2</v>
      </c>
      <c r="AR77" s="74">
        <v>722</v>
      </c>
      <c r="AS77" s="75">
        <v>72.599999999999994</v>
      </c>
      <c r="AT77" s="76">
        <v>1.764</v>
      </c>
      <c r="AU77" s="294">
        <v>0.23899999999999999</v>
      </c>
      <c r="AV77" s="295">
        <v>3.1720853456410888E-2</v>
      </c>
      <c r="AW77" s="296">
        <v>0.54900000000000004</v>
      </c>
      <c r="AX77" s="295">
        <v>3.6936799900104164E-2</v>
      </c>
    </row>
    <row r="78" spans="1:50" s="5" customFormat="1">
      <c r="A78" s="45" t="s">
        <v>434</v>
      </c>
      <c r="B78" s="71">
        <v>978</v>
      </c>
      <c r="C78" s="72">
        <v>81.400000000000006</v>
      </c>
      <c r="D78" s="73">
        <v>1.1759999999999999</v>
      </c>
      <c r="E78" s="291">
        <v>8.4000000000000005E-2</v>
      </c>
      <c r="F78" s="292">
        <v>1.7864727448715857E-2</v>
      </c>
      <c r="G78" s="293">
        <v>0.71199999999999997</v>
      </c>
      <c r="H78" s="292">
        <v>2.8926580061357048E-2</v>
      </c>
      <c r="I78" s="71">
        <v>974</v>
      </c>
      <c r="J78" s="72">
        <v>71</v>
      </c>
      <c r="K78" s="73">
        <v>1.3719999999999999</v>
      </c>
      <c r="L78" s="291">
        <v>0.23</v>
      </c>
      <c r="M78" s="292">
        <v>2.6958659523824837E-2</v>
      </c>
      <c r="N78" s="293">
        <v>0.503</v>
      </c>
      <c r="O78" s="292">
        <v>3.1975903086490745E-2</v>
      </c>
      <c r="P78" s="71">
        <v>974</v>
      </c>
      <c r="Q78" s="72">
        <v>75.7</v>
      </c>
      <c r="R78" s="73">
        <v>1.3719999999999999</v>
      </c>
      <c r="S78" s="291">
        <v>0.16700000000000001</v>
      </c>
      <c r="T78" s="320">
        <v>2.3930387501567514E-2</v>
      </c>
      <c r="U78" s="293">
        <v>0.59399999999999997</v>
      </c>
      <c r="V78" s="292">
        <v>3.1410998706124238E-2</v>
      </c>
      <c r="W78" s="71">
        <v>969</v>
      </c>
      <c r="X78" s="72">
        <v>80.2</v>
      </c>
      <c r="Y78" s="73">
        <v>1.3719999999999999</v>
      </c>
      <c r="Z78" s="291">
        <v>0.13400000000000001</v>
      </c>
      <c r="AA78" s="292">
        <v>2.1944817414281996E-2</v>
      </c>
      <c r="AB78" s="293">
        <v>0.69099999999999995</v>
      </c>
      <c r="AC78" s="292">
        <v>2.9648043703530805E-2</v>
      </c>
      <c r="AD78" s="71">
        <v>972</v>
      </c>
      <c r="AE78" s="72">
        <v>84.3</v>
      </c>
      <c r="AF78" s="73">
        <v>1.1759999999999999</v>
      </c>
      <c r="AG78" s="291">
        <v>0.09</v>
      </c>
      <c r="AH78" s="292">
        <v>2.5946906696444325E-2</v>
      </c>
      <c r="AI78" s="293">
        <v>0.79400000000000004</v>
      </c>
      <c r="AJ78" s="292">
        <v>1.8474067485806472E-2</v>
      </c>
      <c r="AK78" s="71">
        <v>975</v>
      </c>
      <c r="AL78" s="72">
        <v>78.099999999999994</v>
      </c>
      <c r="AM78" s="73">
        <v>1.3719999999999999</v>
      </c>
      <c r="AN78" s="291">
        <v>0.14699999999999999</v>
      </c>
      <c r="AO78" s="292">
        <v>2.2726079044001236E-2</v>
      </c>
      <c r="AP78" s="293">
        <v>0.64800000000000002</v>
      </c>
      <c r="AQ78" s="292">
        <v>3.0539890031426292E-2</v>
      </c>
      <c r="AR78" s="71">
        <v>974</v>
      </c>
      <c r="AS78" s="72">
        <v>77.900000000000006</v>
      </c>
      <c r="AT78" s="73">
        <v>1.3719999999999999</v>
      </c>
      <c r="AU78" s="291">
        <v>0.16</v>
      </c>
      <c r="AV78" s="292">
        <v>2.3527703682780187E-2</v>
      </c>
      <c r="AW78" s="293">
        <v>0.65900000000000003</v>
      </c>
      <c r="AX78" s="292">
        <v>3.033051569963674E-2</v>
      </c>
    </row>
    <row r="79" spans="1:50">
      <c r="A79" s="49" t="s">
        <v>435</v>
      </c>
      <c r="B79" s="74">
        <v>739</v>
      </c>
      <c r="C79" s="75">
        <v>78.900000000000006</v>
      </c>
      <c r="D79" s="76">
        <v>1.1759999999999999</v>
      </c>
      <c r="E79" s="294">
        <v>0.109</v>
      </c>
      <c r="F79" s="295">
        <v>2.3058316060732435E-2</v>
      </c>
      <c r="G79" s="296">
        <v>0.63100000000000001</v>
      </c>
      <c r="H79" s="295">
        <v>3.5418914114294389E-2</v>
      </c>
      <c r="I79" s="74">
        <v>738</v>
      </c>
      <c r="J79" s="75">
        <v>71.3</v>
      </c>
      <c r="K79" s="76">
        <v>1.5680000000000001</v>
      </c>
      <c r="L79" s="294">
        <v>0.22500000000000001</v>
      </c>
      <c r="M79" s="295">
        <v>3.0731264196433579E-2</v>
      </c>
      <c r="N79" s="296">
        <v>0.47099999999999997</v>
      </c>
      <c r="O79" s="295">
        <v>3.6650019797897351E-2</v>
      </c>
      <c r="P79" s="74">
        <v>738</v>
      </c>
      <c r="Q79" s="75">
        <v>72.3</v>
      </c>
      <c r="R79" s="76">
        <v>1.5680000000000001</v>
      </c>
      <c r="S79" s="294">
        <v>0.23200000000000001</v>
      </c>
      <c r="T79" s="321">
        <v>3.1059311616364143E-2</v>
      </c>
      <c r="U79" s="296">
        <v>0.49</v>
      </c>
      <c r="V79" s="295">
        <v>3.6703890909221576E-2</v>
      </c>
      <c r="W79" s="74">
        <v>734</v>
      </c>
      <c r="X79" s="75">
        <v>73.2</v>
      </c>
      <c r="Y79" s="76">
        <v>1.5680000000000001</v>
      </c>
      <c r="Z79" s="294">
        <v>0.218</v>
      </c>
      <c r="AA79" s="295">
        <v>3.047374031534714E-2</v>
      </c>
      <c r="AB79" s="296">
        <v>0.54500000000000004</v>
      </c>
      <c r="AC79" s="295">
        <v>3.6662741233418117E-2</v>
      </c>
      <c r="AD79" s="74">
        <v>737</v>
      </c>
      <c r="AE79" s="75">
        <v>83.6</v>
      </c>
      <c r="AF79" s="76">
        <v>1.3719999999999999</v>
      </c>
      <c r="AG79" s="294">
        <v>8.4000000000000005E-2</v>
      </c>
      <c r="AH79" s="295">
        <v>3.0799718650895952E-2</v>
      </c>
      <c r="AI79" s="296">
        <v>0.77400000000000002</v>
      </c>
      <c r="AJ79" s="295">
        <v>2.0625483509784857E-2</v>
      </c>
      <c r="AK79" s="74">
        <v>737</v>
      </c>
      <c r="AL79" s="75">
        <v>72.099999999999994</v>
      </c>
      <c r="AM79" s="76">
        <v>1.5680000000000001</v>
      </c>
      <c r="AN79" s="294">
        <v>0.24</v>
      </c>
      <c r="AO79" s="295">
        <v>3.1441126331029044E-2</v>
      </c>
      <c r="AP79" s="296">
        <v>0.52</v>
      </c>
      <c r="AQ79" s="295">
        <v>3.6706834102277049E-2</v>
      </c>
      <c r="AR79" s="74">
        <v>737</v>
      </c>
      <c r="AS79" s="75">
        <v>71.400000000000006</v>
      </c>
      <c r="AT79" s="76">
        <v>1.764</v>
      </c>
      <c r="AU79" s="294">
        <v>0.255</v>
      </c>
      <c r="AV79" s="295">
        <v>3.2077949433226061E-2</v>
      </c>
      <c r="AW79" s="296">
        <v>0.54800000000000004</v>
      </c>
      <c r="AX79" s="295">
        <v>3.656807803546766E-2</v>
      </c>
    </row>
    <row r="80" spans="1:50">
      <c r="A80" s="53" t="s">
        <v>436</v>
      </c>
      <c r="B80" s="54">
        <v>134</v>
      </c>
      <c r="C80" s="55">
        <v>72.099999999999994</v>
      </c>
      <c r="D80" s="56">
        <v>3.7239999999999998</v>
      </c>
      <c r="E80" s="290">
        <v>0.157</v>
      </c>
      <c r="F80" s="297">
        <v>6.3490815938317513E-2</v>
      </c>
      <c r="G80" s="290">
        <v>0.51400000000000001</v>
      </c>
      <c r="H80" s="297">
        <v>8.5094184417433633E-2</v>
      </c>
      <c r="I80" s="54">
        <v>133</v>
      </c>
      <c r="J80" s="55">
        <v>67.599999999999994</v>
      </c>
      <c r="K80" s="56">
        <v>4.1159999999999997</v>
      </c>
      <c r="L80" s="290">
        <v>0.27800000000000002</v>
      </c>
      <c r="M80" s="297">
        <v>7.7091638465336093E-2</v>
      </c>
      <c r="N80" s="290">
        <v>0.38100000000000001</v>
      </c>
      <c r="O80" s="297">
        <v>8.312401216360063E-2</v>
      </c>
      <c r="P80" s="54">
        <v>133</v>
      </c>
      <c r="Q80" s="55">
        <v>69.900000000000006</v>
      </c>
      <c r="R80" s="56">
        <v>3.7239999999999998</v>
      </c>
      <c r="S80" s="290">
        <v>0.14899999999999999</v>
      </c>
      <c r="T80" s="320">
        <v>6.252315048815453E-2</v>
      </c>
      <c r="U80" s="290">
        <v>0.39900000000000002</v>
      </c>
      <c r="V80" s="297">
        <v>8.3776899206204111E-2</v>
      </c>
      <c r="W80" s="54">
        <v>132</v>
      </c>
      <c r="X80" s="55">
        <v>77.3</v>
      </c>
      <c r="Y80" s="56">
        <v>3.7239999999999998</v>
      </c>
      <c r="Z80" s="290">
        <v>0.17299999999999999</v>
      </c>
      <c r="AA80" s="297">
        <v>6.6258948794399822E-2</v>
      </c>
      <c r="AB80" s="290">
        <v>0.498</v>
      </c>
      <c r="AC80" s="297">
        <v>8.5748646333666273E-2</v>
      </c>
      <c r="AD80" s="54">
        <v>132</v>
      </c>
      <c r="AE80" s="55">
        <v>81.8</v>
      </c>
      <c r="AF80" s="56">
        <v>3.528</v>
      </c>
      <c r="AG80" s="290">
        <v>0.217</v>
      </c>
      <c r="AH80" s="297">
        <v>8.0406329787753042E-2</v>
      </c>
      <c r="AI80" s="290">
        <v>0.67900000000000005</v>
      </c>
      <c r="AJ80" s="297">
        <v>7.1651287190356946E-2</v>
      </c>
      <c r="AK80" s="54">
        <v>133</v>
      </c>
      <c r="AL80" s="55">
        <v>72.7</v>
      </c>
      <c r="AM80" s="56">
        <v>4.1159999999999997</v>
      </c>
      <c r="AN80" s="290">
        <v>0.22700000000000001</v>
      </c>
      <c r="AO80" s="297">
        <v>7.2446209533458095E-2</v>
      </c>
      <c r="AP80" s="290">
        <v>0.50800000000000001</v>
      </c>
      <c r="AQ80" s="297">
        <v>8.5425458635081386E-2</v>
      </c>
      <c r="AR80" s="54">
        <v>133</v>
      </c>
      <c r="AS80" s="55">
        <v>69.3</v>
      </c>
      <c r="AT80" s="56">
        <v>4.508</v>
      </c>
      <c r="AU80" s="290">
        <v>0.39600000000000002</v>
      </c>
      <c r="AV80" s="297">
        <v>8.3675838009501957E-2</v>
      </c>
      <c r="AW80" s="290">
        <v>0.44800000000000001</v>
      </c>
      <c r="AX80" s="297">
        <v>8.4999200122075444E-2</v>
      </c>
    </row>
    <row r="81" spans="1:50">
      <c r="A81" s="49" t="s">
        <v>437</v>
      </c>
      <c r="B81" s="74">
        <v>155</v>
      </c>
      <c r="C81" s="75">
        <v>76.400000000000006</v>
      </c>
      <c r="D81" s="76">
        <v>2.94</v>
      </c>
      <c r="E81" s="294">
        <v>0.17</v>
      </c>
      <c r="F81" s="295">
        <v>6.0710742982000479E-2</v>
      </c>
      <c r="G81" s="296">
        <v>0.61299999999999999</v>
      </c>
      <c r="H81" s="295">
        <v>7.7356543483378323E-2</v>
      </c>
      <c r="I81" s="74">
        <v>154</v>
      </c>
      <c r="J81" s="75">
        <v>70</v>
      </c>
      <c r="K81" s="76">
        <v>3.7239999999999998</v>
      </c>
      <c r="L81" s="294">
        <v>0.25</v>
      </c>
      <c r="M81" s="295">
        <v>6.9468962066570605E-2</v>
      </c>
      <c r="N81" s="296">
        <v>0.53600000000000003</v>
      </c>
      <c r="O81" s="295">
        <v>7.9359586950398991E-2</v>
      </c>
      <c r="P81" s="74">
        <v>154</v>
      </c>
      <c r="Q81" s="75">
        <v>71.400000000000006</v>
      </c>
      <c r="R81" s="76">
        <v>3.7239999999999998</v>
      </c>
      <c r="S81" s="294">
        <v>0.217</v>
      </c>
      <c r="T81" s="321">
        <v>6.6354401066258437E-2</v>
      </c>
      <c r="U81" s="296">
        <v>0.52600000000000002</v>
      </c>
      <c r="V81" s="295">
        <v>7.9453480471869203E-2</v>
      </c>
      <c r="W81" s="74">
        <v>155</v>
      </c>
      <c r="X81" s="75">
        <v>75.7</v>
      </c>
      <c r="Y81" s="76">
        <v>3.3319999999999999</v>
      </c>
      <c r="Z81" s="294">
        <v>0.193</v>
      </c>
      <c r="AA81" s="295">
        <v>6.3530003636972518E-2</v>
      </c>
      <c r="AB81" s="296">
        <v>0.58699999999999997</v>
      </c>
      <c r="AC81" s="295">
        <v>7.8155954375357939E-2</v>
      </c>
      <c r="AD81" s="74">
        <v>155</v>
      </c>
      <c r="AE81" s="75">
        <v>84.9</v>
      </c>
      <c r="AF81" s="76">
        <v>2.7439999999999998</v>
      </c>
      <c r="AG81" s="294">
        <v>5.6000000000000001E-2</v>
      </c>
      <c r="AH81" s="295">
        <v>6.7617929544009789E-2</v>
      </c>
      <c r="AI81" s="296">
        <v>0.76800000000000002</v>
      </c>
      <c r="AJ81" s="295">
        <v>3.9702677307150158E-2</v>
      </c>
      <c r="AK81" s="74">
        <v>155</v>
      </c>
      <c r="AL81" s="75">
        <v>74.400000000000006</v>
      </c>
      <c r="AM81" s="76">
        <v>3.92</v>
      </c>
      <c r="AN81" s="294">
        <v>0.192</v>
      </c>
      <c r="AO81" s="295">
        <v>6.3414180767344189E-2</v>
      </c>
      <c r="AP81" s="296">
        <v>0.57799999999999996</v>
      </c>
      <c r="AQ81" s="295">
        <v>7.8382751075008653E-2</v>
      </c>
      <c r="AR81" s="74">
        <v>155</v>
      </c>
      <c r="AS81" s="75">
        <v>72.8</v>
      </c>
      <c r="AT81" s="76">
        <v>3.7239999999999998</v>
      </c>
      <c r="AU81" s="294">
        <v>0.22700000000000001</v>
      </c>
      <c r="AV81" s="295">
        <v>6.7138028928699217E-2</v>
      </c>
      <c r="AW81" s="296">
        <v>0.55400000000000005</v>
      </c>
      <c r="AX81" s="295">
        <v>7.8864404208633582E-2</v>
      </c>
    </row>
    <row r="82" spans="1:50">
      <c r="A82" s="57" t="s">
        <v>438</v>
      </c>
      <c r="B82" s="71">
        <v>256</v>
      </c>
      <c r="C82" s="72">
        <v>77</v>
      </c>
      <c r="D82" s="73">
        <v>2.548</v>
      </c>
      <c r="E82" s="291">
        <v>0.124</v>
      </c>
      <c r="F82" s="292">
        <v>4.1683896354510599E-2</v>
      </c>
      <c r="G82" s="293">
        <v>0.56299999999999994</v>
      </c>
      <c r="H82" s="292">
        <v>6.1538253727459767E-2</v>
      </c>
      <c r="I82" s="71">
        <v>256</v>
      </c>
      <c r="J82" s="72">
        <v>69.3</v>
      </c>
      <c r="K82" s="73">
        <v>2.3519999999999999</v>
      </c>
      <c r="L82" s="291">
        <v>0.25</v>
      </c>
      <c r="M82" s="292">
        <v>5.398123377956577E-2</v>
      </c>
      <c r="N82" s="293">
        <v>0.34899999999999998</v>
      </c>
      <c r="O82" s="292">
        <v>5.9212157346323957E-2</v>
      </c>
      <c r="P82" s="71">
        <v>256</v>
      </c>
      <c r="Q82" s="72">
        <v>71.7</v>
      </c>
      <c r="R82" s="73">
        <v>2.548</v>
      </c>
      <c r="S82" s="291">
        <v>0.20799999999999999</v>
      </c>
      <c r="T82" s="320">
        <v>5.0739049877994567E-2</v>
      </c>
      <c r="U82" s="293">
        <v>0.41099999999999998</v>
      </c>
      <c r="V82" s="292">
        <v>6.1057456960828628E-2</v>
      </c>
      <c r="W82" s="71">
        <v>255</v>
      </c>
      <c r="X82" s="72">
        <v>74.7</v>
      </c>
      <c r="Y82" s="73">
        <v>2.94</v>
      </c>
      <c r="Z82" s="291">
        <v>0.214</v>
      </c>
      <c r="AA82" s="292">
        <v>5.1346503655556361E-2</v>
      </c>
      <c r="AB82" s="293">
        <v>0.53200000000000003</v>
      </c>
      <c r="AC82" s="292">
        <v>6.2013497733823343E-2</v>
      </c>
      <c r="AD82" s="71">
        <v>255</v>
      </c>
      <c r="AE82" s="72">
        <v>79.599999999999994</v>
      </c>
      <c r="AF82" s="73">
        <v>2.3519999999999999</v>
      </c>
      <c r="AG82" s="291">
        <v>0.16600000000000001</v>
      </c>
      <c r="AH82" s="292">
        <v>5.9901281385722739E-2</v>
      </c>
      <c r="AI82" s="293">
        <v>0.63500000000000001</v>
      </c>
      <c r="AJ82" s="292">
        <v>4.6807440437966183E-2</v>
      </c>
      <c r="AK82" s="71">
        <v>255</v>
      </c>
      <c r="AL82" s="72">
        <v>68.8</v>
      </c>
      <c r="AM82" s="73">
        <v>2.94</v>
      </c>
      <c r="AN82" s="291">
        <v>0.30199999999999999</v>
      </c>
      <c r="AO82" s="292">
        <v>5.7219699002639221E-2</v>
      </c>
      <c r="AP82" s="293">
        <v>0.442</v>
      </c>
      <c r="AQ82" s="292">
        <v>6.1730402134489812E-2</v>
      </c>
      <c r="AR82" s="71">
        <v>256</v>
      </c>
      <c r="AS82" s="72">
        <v>68.5</v>
      </c>
      <c r="AT82" s="73">
        <v>3.1360000000000001</v>
      </c>
      <c r="AU82" s="291">
        <v>0.30499999999999999</v>
      </c>
      <c r="AV82" s="292">
        <v>5.7262687542721784E-2</v>
      </c>
      <c r="AW82" s="293">
        <v>0.44400000000000001</v>
      </c>
      <c r="AX82" s="292">
        <v>6.1639117207671797E-2</v>
      </c>
    </row>
    <row r="83" spans="1:50">
      <c r="A83" s="49" t="s">
        <v>439</v>
      </c>
      <c r="B83" s="74">
        <v>406</v>
      </c>
      <c r="C83" s="75">
        <v>77.599999999999994</v>
      </c>
      <c r="D83" s="76">
        <v>1.764</v>
      </c>
      <c r="E83" s="294">
        <v>9.8000000000000004E-2</v>
      </c>
      <c r="F83" s="295">
        <v>2.9883328752956292E-2</v>
      </c>
      <c r="G83" s="296">
        <v>0.54500000000000004</v>
      </c>
      <c r="H83" s="295">
        <v>4.9189957278895635E-2</v>
      </c>
      <c r="I83" s="74">
        <v>406</v>
      </c>
      <c r="J83" s="75">
        <v>70.400000000000006</v>
      </c>
      <c r="K83" s="76">
        <v>1.96</v>
      </c>
      <c r="L83" s="294">
        <v>0.189</v>
      </c>
      <c r="M83" s="295">
        <v>3.8906646617615198E-2</v>
      </c>
      <c r="N83" s="296">
        <v>0.39900000000000002</v>
      </c>
      <c r="O83" s="295">
        <v>4.8388375237374028E-2</v>
      </c>
      <c r="P83" s="74">
        <v>406</v>
      </c>
      <c r="Q83" s="75">
        <v>73.3</v>
      </c>
      <c r="R83" s="76">
        <v>1.96</v>
      </c>
      <c r="S83" s="294">
        <v>0.14899999999999999</v>
      </c>
      <c r="T83" s="321">
        <v>3.550213947557513E-2</v>
      </c>
      <c r="U83" s="296">
        <v>0.51200000000000001</v>
      </c>
      <c r="V83" s="295">
        <v>4.9372530730472153E-2</v>
      </c>
      <c r="W83" s="74">
        <v>406</v>
      </c>
      <c r="X83" s="75">
        <v>77.3</v>
      </c>
      <c r="Y83" s="76">
        <v>2.1560000000000001</v>
      </c>
      <c r="Z83" s="294">
        <v>0.152</v>
      </c>
      <c r="AA83" s="295">
        <v>3.5783560474661504E-2</v>
      </c>
      <c r="AB83" s="296">
        <v>0.61199999999999999</v>
      </c>
      <c r="AC83" s="295">
        <v>4.8156205893375589E-2</v>
      </c>
      <c r="AD83" s="74">
        <v>406</v>
      </c>
      <c r="AE83" s="75">
        <v>84.9</v>
      </c>
      <c r="AF83" s="76">
        <v>1.764</v>
      </c>
      <c r="AG83" s="294">
        <v>7.0999999999999994E-2</v>
      </c>
      <c r="AH83" s="295">
        <v>4.1732656721663604E-2</v>
      </c>
      <c r="AI83" s="296">
        <v>0.77</v>
      </c>
      <c r="AJ83" s="295">
        <v>2.6045462432411268E-2</v>
      </c>
      <c r="AK83" s="74">
        <v>406</v>
      </c>
      <c r="AL83" s="75">
        <v>76.7</v>
      </c>
      <c r="AM83" s="76">
        <v>2.3519999999999999</v>
      </c>
      <c r="AN83" s="294">
        <v>0.17799999999999999</v>
      </c>
      <c r="AO83" s="295">
        <v>3.8040957855991944E-2</v>
      </c>
      <c r="AP83" s="296">
        <v>0.60699999999999998</v>
      </c>
      <c r="AQ83" s="295">
        <v>4.8264849138250077E-2</v>
      </c>
      <c r="AR83" s="74">
        <v>405</v>
      </c>
      <c r="AS83" s="75">
        <v>74.099999999999994</v>
      </c>
      <c r="AT83" s="76">
        <v>2.1560000000000001</v>
      </c>
      <c r="AU83" s="294">
        <v>0.21099999999999999</v>
      </c>
      <c r="AV83" s="295">
        <v>4.0546954160002757E-2</v>
      </c>
      <c r="AW83" s="296">
        <v>0.55400000000000005</v>
      </c>
      <c r="AX83" s="295">
        <v>4.9163243646421176E-2</v>
      </c>
    </row>
    <row r="84" spans="1:50">
      <c r="A84" s="57" t="s">
        <v>440</v>
      </c>
      <c r="B84" s="71">
        <v>408</v>
      </c>
      <c r="C84" s="72">
        <v>79.7</v>
      </c>
      <c r="D84" s="73">
        <v>1.764</v>
      </c>
      <c r="E84" s="291">
        <v>7.4999999999999997E-2</v>
      </c>
      <c r="F84" s="292">
        <v>2.6597550057770817E-2</v>
      </c>
      <c r="G84" s="293">
        <v>0.65500000000000003</v>
      </c>
      <c r="H84" s="292">
        <v>4.6887516738466466E-2</v>
      </c>
      <c r="I84" s="71">
        <v>407</v>
      </c>
      <c r="J84" s="72">
        <v>68.7</v>
      </c>
      <c r="K84" s="73">
        <v>1.96</v>
      </c>
      <c r="L84" s="291">
        <v>0.26100000000000001</v>
      </c>
      <c r="M84" s="292">
        <v>4.3450386601756402E-2</v>
      </c>
      <c r="N84" s="293">
        <v>0.40699999999999997</v>
      </c>
      <c r="O84" s="292">
        <v>4.8482422745242747E-2</v>
      </c>
      <c r="P84" s="71">
        <v>407</v>
      </c>
      <c r="Q84" s="72">
        <v>74.3</v>
      </c>
      <c r="R84" s="73">
        <v>1.96</v>
      </c>
      <c r="S84" s="291">
        <v>0.185</v>
      </c>
      <c r="T84" s="320">
        <v>3.8549994510254634E-2</v>
      </c>
      <c r="U84" s="293">
        <v>0.52400000000000002</v>
      </c>
      <c r="V84" s="292">
        <v>4.9270607567108035E-2</v>
      </c>
      <c r="W84" s="71">
        <v>404</v>
      </c>
      <c r="X84" s="72">
        <v>77.5</v>
      </c>
      <c r="Y84" s="73">
        <v>2.1560000000000001</v>
      </c>
      <c r="Z84" s="291">
        <v>0.17499999999999999</v>
      </c>
      <c r="AA84" s="292">
        <v>3.7889923913590189E-2</v>
      </c>
      <c r="AB84" s="293">
        <v>0.64800000000000002</v>
      </c>
      <c r="AC84" s="292">
        <v>4.733313154320215E-2</v>
      </c>
      <c r="AD84" s="71">
        <v>407</v>
      </c>
      <c r="AE84" s="72">
        <v>83.8</v>
      </c>
      <c r="AF84" s="73">
        <v>1.764</v>
      </c>
      <c r="AG84" s="291">
        <v>7.0000000000000007E-2</v>
      </c>
      <c r="AH84" s="292">
        <v>4.2458552191620674E-2</v>
      </c>
      <c r="AI84" s="293">
        <v>0.75700000000000001</v>
      </c>
      <c r="AJ84" s="292">
        <v>2.585407548134722E-2</v>
      </c>
      <c r="AK84" s="71">
        <v>406</v>
      </c>
      <c r="AL84" s="72">
        <v>75.3</v>
      </c>
      <c r="AM84" s="73">
        <v>2.1560000000000001</v>
      </c>
      <c r="AN84" s="291">
        <v>0.20799999999999999</v>
      </c>
      <c r="AO84" s="292">
        <v>4.029059955175774E-2</v>
      </c>
      <c r="AP84" s="293">
        <v>0.58099999999999996</v>
      </c>
      <c r="AQ84" s="292">
        <v>4.8746871822264559E-2</v>
      </c>
      <c r="AR84" s="71">
        <v>406</v>
      </c>
      <c r="AS84" s="72">
        <v>75.400000000000006</v>
      </c>
      <c r="AT84" s="73">
        <v>2.1560000000000001</v>
      </c>
      <c r="AU84" s="291">
        <v>0.17699999999999999</v>
      </c>
      <c r="AV84" s="292">
        <v>3.7959767870536489E-2</v>
      </c>
      <c r="AW84" s="293">
        <v>0.58599999999999997</v>
      </c>
      <c r="AX84" s="292">
        <v>4.8664867703678512E-2</v>
      </c>
    </row>
    <row r="85" spans="1:50">
      <c r="A85" s="49" t="s">
        <v>441</v>
      </c>
      <c r="B85" s="74">
        <v>280</v>
      </c>
      <c r="C85" s="75">
        <v>73.8</v>
      </c>
      <c r="D85" s="76">
        <v>2.3519999999999999</v>
      </c>
      <c r="E85" s="294">
        <v>0.186</v>
      </c>
      <c r="F85" s="295">
        <v>4.6597133638342968E-2</v>
      </c>
      <c r="G85" s="296">
        <v>0.55200000000000005</v>
      </c>
      <c r="H85" s="295">
        <v>5.9026328884537529E-2</v>
      </c>
      <c r="I85" s="74">
        <v>279</v>
      </c>
      <c r="J85" s="75">
        <v>66.8</v>
      </c>
      <c r="K85" s="76">
        <v>2.7439999999999998</v>
      </c>
      <c r="L85" s="294">
        <v>0.315</v>
      </c>
      <c r="M85" s="295">
        <v>5.5348003277007486E-2</v>
      </c>
      <c r="N85" s="296">
        <v>0.39600000000000002</v>
      </c>
      <c r="O85" s="295">
        <v>5.8180612152555697E-2</v>
      </c>
      <c r="P85" s="74">
        <v>279</v>
      </c>
      <c r="Q85" s="75">
        <v>67.400000000000006</v>
      </c>
      <c r="R85" s="76">
        <v>2.7439999999999998</v>
      </c>
      <c r="S85" s="294">
        <v>0.28899999999999998</v>
      </c>
      <c r="T85" s="321">
        <v>5.4055154383274649E-2</v>
      </c>
      <c r="U85" s="296">
        <v>0.44900000000000001</v>
      </c>
      <c r="V85" s="295">
        <v>5.9142518994983892E-2</v>
      </c>
      <c r="W85" s="74">
        <v>280</v>
      </c>
      <c r="X85" s="75">
        <v>75.8</v>
      </c>
      <c r="Y85" s="76">
        <v>2.7439999999999998</v>
      </c>
      <c r="Z85" s="294">
        <v>0.19700000000000001</v>
      </c>
      <c r="AA85" s="295">
        <v>4.7583722592097331E-2</v>
      </c>
      <c r="AB85" s="296">
        <v>0.63</v>
      </c>
      <c r="AC85" s="295">
        <v>5.7356398003642006E-2</v>
      </c>
      <c r="AD85" s="74">
        <v>280</v>
      </c>
      <c r="AE85" s="75">
        <v>81.599999999999994</v>
      </c>
      <c r="AF85" s="76">
        <v>2.3519999999999999</v>
      </c>
      <c r="AG85" s="294">
        <v>0.107</v>
      </c>
      <c r="AH85" s="295">
        <v>5.3959332743220859E-2</v>
      </c>
      <c r="AI85" s="296">
        <v>0.71099999999999997</v>
      </c>
      <c r="AJ85" s="295">
        <v>3.7505124061668435E-2</v>
      </c>
      <c r="AK85" s="74">
        <v>280</v>
      </c>
      <c r="AL85" s="75">
        <v>69</v>
      </c>
      <c r="AM85" s="76">
        <v>2.94</v>
      </c>
      <c r="AN85" s="294">
        <v>0.26500000000000001</v>
      </c>
      <c r="AO85" s="295">
        <v>5.2583893886534325E-2</v>
      </c>
      <c r="AP85" s="296">
        <v>0.47799999999999998</v>
      </c>
      <c r="AQ85" s="295">
        <v>5.9283223025196813E-2</v>
      </c>
      <c r="AR85" s="74">
        <v>280</v>
      </c>
      <c r="AS85" s="75">
        <v>68.5</v>
      </c>
      <c r="AT85" s="76">
        <v>3.1360000000000001</v>
      </c>
      <c r="AU85" s="294">
        <v>0.29399999999999998</v>
      </c>
      <c r="AV85" s="295">
        <v>5.4223190573086381E-2</v>
      </c>
      <c r="AW85" s="296">
        <v>0.48</v>
      </c>
      <c r="AX85" s="295">
        <v>5.929292149001518E-2</v>
      </c>
    </row>
    <row r="86" spans="1:50">
      <c r="A86" s="57" t="s">
        <v>442</v>
      </c>
      <c r="B86" s="71">
        <v>774</v>
      </c>
      <c r="C86" s="72">
        <v>79.3</v>
      </c>
      <c r="D86" s="73">
        <v>1.1759999999999999</v>
      </c>
      <c r="E86" s="291">
        <v>0.113</v>
      </c>
      <c r="F86" s="292">
        <v>2.2874091736808586E-2</v>
      </c>
      <c r="G86" s="293">
        <v>0.65</v>
      </c>
      <c r="H86" s="292">
        <v>3.4217718745147917E-2</v>
      </c>
      <c r="I86" s="71">
        <v>773</v>
      </c>
      <c r="J86" s="72">
        <v>69.900000000000006</v>
      </c>
      <c r="K86" s="73">
        <v>1.5680000000000001</v>
      </c>
      <c r="L86" s="291">
        <v>0.23200000000000001</v>
      </c>
      <c r="M86" s="292">
        <v>3.0348774592453161E-2</v>
      </c>
      <c r="N86" s="293">
        <v>0.45200000000000001</v>
      </c>
      <c r="O86" s="292">
        <v>3.5710811945660691E-2</v>
      </c>
      <c r="P86" s="71">
        <v>773</v>
      </c>
      <c r="Q86" s="72">
        <v>72.7</v>
      </c>
      <c r="R86" s="73">
        <v>1.5680000000000001</v>
      </c>
      <c r="S86" s="291">
        <v>0.19</v>
      </c>
      <c r="T86" s="320">
        <v>2.8237538088131089E-2</v>
      </c>
      <c r="U86" s="293">
        <v>0.501</v>
      </c>
      <c r="V86" s="292">
        <v>3.5874729153871264E-2</v>
      </c>
      <c r="W86" s="71">
        <v>770</v>
      </c>
      <c r="X86" s="72">
        <v>77</v>
      </c>
      <c r="Y86" s="73">
        <v>1.5680000000000001</v>
      </c>
      <c r="Z86" s="291">
        <v>0.158</v>
      </c>
      <c r="AA86" s="292">
        <v>2.6339250280378985E-2</v>
      </c>
      <c r="AB86" s="293">
        <v>0.621</v>
      </c>
      <c r="AC86" s="292">
        <v>3.4887040835768914E-2</v>
      </c>
      <c r="AD86" s="71">
        <v>774</v>
      </c>
      <c r="AE86" s="72">
        <v>84.1</v>
      </c>
      <c r="AF86" s="73">
        <v>1.3719999999999999</v>
      </c>
      <c r="AG86" s="291">
        <v>9.4E-2</v>
      </c>
      <c r="AH86" s="292">
        <v>2.9961868409426492E-2</v>
      </c>
      <c r="AI86" s="293">
        <v>0.77600000000000002</v>
      </c>
      <c r="AJ86" s="292">
        <v>2.1131807489095569E-2</v>
      </c>
      <c r="AK86" s="71">
        <v>773</v>
      </c>
      <c r="AL86" s="72">
        <v>73</v>
      </c>
      <c r="AM86" s="73">
        <v>1.764</v>
      </c>
      <c r="AN86" s="291">
        <v>0.21299999999999999</v>
      </c>
      <c r="AO86" s="292">
        <v>2.9450295288389935E-2</v>
      </c>
      <c r="AP86" s="293">
        <v>0.55400000000000005</v>
      </c>
      <c r="AQ86" s="292">
        <v>3.5667125838320969E-2</v>
      </c>
      <c r="AR86" s="71">
        <v>774</v>
      </c>
      <c r="AS86" s="72">
        <v>72.400000000000006</v>
      </c>
      <c r="AT86" s="73">
        <v>3.1360000000000001</v>
      </c>
      <c r="AU86" s="291">
        <v>0.26700000000000002</v>
      </c>
      <c r="AV86" s="292">
        <v>3.1766160923678448E-2</v>
      </c>
      <c r="AW86" s="293">
        <v>0.55800000000000005</v>
      </c>
      <c r="AX86" s="292">
        <v>3.561220020982335E-2</v>
      </c>
    </row>
    <row r="87" spans="1:50">
      <c r="A87" s="49" t="s">
        <v>443</v>
      </c>
      <c r="B87" s="74">
        <v>1013</v>
      </c>
      <c r="C87" s="75">
        <v>76</v>
      </c>
      <c r="D87" s="76">
        <v>1.1759999999999999</v>
      </c>
      <c r="E87" s="294">
        <v>0.14299999999999999</v>
      </c>
      <c r="F87" s="295">
        <v>2.2044165652168671E-2</v>
      </c>
      <c r="G87" s="296">
        <v>0.59699999999999998</v>
      </c>
      <c r="H87" s="295">
        <v>3.0766342322623916E-2</v>
      </c>
      <c r="I87" s="74">
        <v>1013</v>
      </c>
      <c r="J87" s="75">
        <v>69</v>
      </c>
      <c r="K87" s="76">
        <v>1.3719999999999999</v>
      </c>
      <c r="L87" s="294">
        <v>0.247</v>
      </c>
      <c r="M87" s="295">
        <v>2.7083288421090791E-2</v>
      </c>
      <c r="N87" s="296">
        <v>0.40500000000000003</v>
      </c>
      <c r="O87" s="295">
        <v>3.0790685070902133E-2</v>
      </c>
      <c r="P87" s="74">
        <v>1003</v>
      </c>
      <c r="Q87" s="75">
        <v>72</v>
      </c>
      <c r="R87" s="76">
        <v>1.3719999999999999</v>
      </c>
      <c r="S87" s="294">
        <v>0.21099999999999999</v>
      </c>
      <c r="T87" s="321">
        <v>2.5766594657755902E-2</v>
      </c>
      <c r="U87" s="296">
        <v>0.48899999999999999</v>
      </c>
      <c r="V87" s="295">
        <v>3.1505108071635923E-2</v>
      </c>
      <c r="W87" s="74">
        <v>1007</v>
      </c>
      <c r="X87" s="75">
        <v>75</v>
      </c>
      <c r="Y87" s="76">
        <v>1.3719999999999999</v>
      </c>
      <c r="Z87" s="294">
        <v>0.189</v>
      </c>
      <c r="AA87" s="295">
        <v>2.4687389518698019E-2</v>
      </c>
      <c r="AB87" s="296">
        <v>0.58699999999999997</v>
      </c>
      <c r="AC87" s="295">
        <v>3.0974337656235404E-2</v>
      </c>
      <c r="AD87" s="74">
        <v>1008</v>
      </c>
      <c r="AE87" s="75">
        <v>80.3</v>
      </c>
      <c r="AF87" s="76">
        <v>1.1759999999999999</v>
      </c>
      <c r="AG87" s="294">
        <v>0.113</v>
      </c>
      <c r="AH87" s="295">
        <v>2.8832046058626833E-2</v>
      </c>
      <c r="AI87" s="296">
        <v>0.7</v>
      </c>
      <c r="AJ87" s="295">
        <v>2.0020997362398027E-2</v>
      </c>
      <c r="AK87" s="74">
        <v>1009</v>
      </c>
      <c r="AL87" s="75">
        <v>72.2</v>
      </c>
      <c r="AM87" s="76">
        <v>1.3719999999999999</v>
      </c>
      <c r="AN87" s="294">
        <v>0.22500000000000001</v>
      </c>
      <c r="AO87" s="295">
        <v>2.6285024153080018E-2</v>
      </c>
      <c r="AP87" s="296">
        <v>0.53</v>
      </c>
      <c r="AQ87" s="295">
        <v>3.1363052159252003E-2</v>
      </c>
      <c r="AR87" s="74">
        <v>1010</v>
      </c>
      <c r="AS87" s="75">
        <v>71.2</v>
      </c>
      <c r="AT87" s="76">
        <v>3.1360000000000001</v>
      </c>
      <c r="AU87" s="294">
        <v>0.251</v>
      </c>
      <c r="AV87" s="295">
        <v>2.7267915772507385E-2</v>
      </c>
      <c r="AW87" s="296">
        <v>0.51800000000000002</v>
      </c>
      <c r="AX87" s="295">
        <v>3.1383518782449382E-2</v>
      </c>
    </row>
    <row r="88" spans="1:50" s="5" customFormat="1">
      <c r="A88" s="57" t="s">
        <v>444</v>
      </c>
      <c r="B88" s="71">
        <v>281</v>
      </c>
      <c r="C88" s="72">
        <v>78.099999999999994</v>
      </c>
      <c r="D88" s="73">
        <v>2.3519999999999999</v>
      </c>
      <c r="E88" s="291">
        <v>0.11600000000000001</v>
      </c>
      <c r="F88" s="292">
        <v>3.8689781843894558E-2</v>
      </c>
      <c r="G88" s="293">
        <v>0.65400000000000003</v>
      </c>
      <c r="H88" s="292">
        <v>5.6437519014386914E-2</v>
      </c>
      <c r="I88" s="71">
        <v>279</v>
      </c>
      <c r="J88" s="72">
        <v>69.900000000000006</v>
      </c>
      <c r="K88" s="73">
        <v>2.7439999999999998</v>
      </c>
      <c r="L88" s="291">
        <v>0.25700000000000001</v>
      </c>
      <c r="M88" s="292">
        <v>5.2176437963193122E-2</v>
      </c>
      <c r="N88" s="293">
        <v>0.49</v>
      </c>
      <c r="O88" s="292">
        <v>5.9432273641598796E-2</v>
      </c>
      <c r="P88" s="71">
        <v>280</v>
      </c>
      <c r="Q88" s="72">
        <v>71.2</v>
      </c>
      <c r="R88" s="73">
        <v>2.7439999999999998</v>
      </c>
      <c r="S88" s="291">
        <v>0.22700000000000001</v>
      </c>
      <c r="T88" s="320">
        <v>5.0007833736206049E-2</v>
      </c>
      <c r="U88" s="293">
        <v>0.48899999999999999</v>
      </c>
      <c r="V88" s="292">
        <v>5.932512286954273E-2</v>
      </c>
      <c r="W88" s="71">
        <v>280</v>
      </c>
      <c r="X88" s="72">
        <v>72.5</v>
      </c>
      <c r="Y88" s="73">
        <v>2.94</v>
      </c>
      <c r="Z88" s="291">
        <v>0.26200000000000001</v>
      </c>
      <c r="AA88" s="292">
        <v>5.2398845403687812E-2</v>
      </c>
      <c r="AB88" s="293">
        <v>0.55700000000000005</v>
      </c>
      <c r="AC88" s="292">
        <v>5.8963091417103784E-2</v>
      </c>
      <c r="AD88" s="71">
        <v>280</v>
      </c>
      <c r="AE88" s="72">
        <v>83</v>
      </c>
      <c r="AF88" s="73">
        <v>2.548</v>
      </c>
      <c r="AG88" s="291">
        <v>0.10199999999999999</v>
      </c>
      <c r="AH88" s="292">
        <v>5.0807010809250271E-2</v>
      </c>
      <c r="AI88" s="293">
        <v>0.76200000000000001</v>
      </c>
      <c r="AJ88" s="292">
        <v>3.6776190509681395E-2</v>
      </c>
      <c r="AK88" s="71">
        <v>281</v>
      </c>
      <c r="AL88" s="72">
        <v>72.599999999999994</v>
      </c>
      <c r="AM88" s="73">
        <v>2.94</v>
      </c>
      <c r="AN88" s="291">
        <v>0.23200000000000001</v>
      </c>
      <c r="AO88" s="292">
        <v>5.0287309846220332E-2</v>
      </c>
      <c r="AP88" s="293">
        <v>0.57199999999999995</v>
      </c>
      <c r="AQ88" s="292">
        <v>5.8634819261588422E-2</v>
      </c>
      <c r="AR88" s="71">
        <v>280</v>
      </c>
      <c r="AS88" s="72">
        <v>70.900000000000006</v>
      </c>
      <c r="AT88" s="73">
        <v>3.1360000000000001</v>
      </c>
      <c r="AU88" s="291">
        <v>0.215</v>
      </c>
      <c r="AV88" s="292">
        <v>4.9082700445496223E-2</v>
      </c>
      <c r="AW88" s="293">
        <v>0.55500000000000005</v>
      </c>
      <c r="AX88" s="292">
        <v>5.8989090801922113E-2</v>
      </c>
    </row>
    <row r="89" spans="1:50" s="5" customFormat="1">
      <c r="A89" s="49" t="s">
        <v>445</v>
      </c>
      <c r="B89" s="74">
        <v>193</v>
      </c>
      <c r="C89" s="75">
        <v>75</v>
      </c>
      <c r="D89" s="76">
        <v>2.548</v>
      </c>
      <c r="E89" s="294">
        <v>0.115</v>
      </c>
      <c r="F89" s="295">
        <v>4.677045789869802E-2</v>
      </c>
      <c r="G89" s="296">
        <v>0.45700000000000002</v>
      </c>
      <c r="H89" s="295">
        <v>7.0993718746535261E-2</v>
      </c>
      <c r="I89" s="74">
        <v>192</v>
      </c>
      <c r="J89" s="75">
        <v>69.2</v>
      </c>
      <c r="K89" s="76">
        <v>2.7439999999999998</v>
      </c>
      <c r="L89" s="294">
        <v>0.29299999999999998</v>
      </c>
      <c r="M89" s="295">
        <v>6.5290886394293493E-2</v>
      </c>
      <c r="N89" s="296">
        <v>0.39</v>
      </c>
      <c r="O89" s="295">
        <v>6.9750113449424708E-2</v>
      </c>
      <c r="P89" s="74">
        <v>190</v>
      </c>
      <c r="Q89" s="75">
        <v>72.2</v>
      </c>
      <c r="R89" s="76">
        <v>2.7439999999999998</v>
      </c>
      <c r="S89" s="294">
        <v>0.18099999999999999</v>
      </c>
      <c r="T89" s="321">
        <v>5.6054478060159431E-2</v>
      </c>
      <c r="U89" s="296">
        <v>0.40699999999999997</v>
      </c>
      <c r="V89" s="295">
        <v>7.0594527238704241E-2</v>
      </c>
      <c r="W89" s="74">
        <v>191</v>
      </c>
      <c r="X89" s="75">
        <v>78.900000000000006</v>
      </c>
      <c r="Y89" s="76">
        <v>2.7439999999999998</v>
      </c>
      <c r="Z89" s="294">
        <v>0.14799999999999999</v>
      </c>
      <c r="AA89" s="295">
        <v>5.1863154298101788E-2</v>
      </c>
      <c r="AB89" s="296">
        <v>0.60599999999999998</v>
      </c>
      <c r="AC89" s="295">
        <v>7.005056580464622E-2</v>
      </c>
      <c r="AD89" s="74">
        <v>192</v>
      </c>
      <c r="AE89" s="75">
        <v>86.5</v>
      </c>
      <c r="AF89" s="76">
        <v>2.3519999999999999</v>
      </c>
      <c r="AG89" s="294">
        <v>4.3999999999999997E-2</v>
      </c>
      <c r="AH89" s="295">
        <v>5.9162271619019824E-2</v>
      </c>
      <c r="AI89" s="296">
        <v>0.78600000000000003</v>
      </c>
      <c r="AJ89" s="295">
        <v>3.2091889673641585E-2</v>
      </c>
      <c r="AK89" s="74">
        <v>192</v>
      </c>
      <c r="AL89" s="75">
        <v>71.099999999999994</v>
      </c>
      <c r="AM89" s="76">
        <v>3.528</v>
      </c>
      <c r="AN89" s="294">
        <v>0.27300000000000002</v>
      </c>
      <c r="AO89" s="295">
        <v>6.3975882416163199E-2</v>
      </c>
      <c r="AP89" s="296">
        <v>0.47199999999999998</v>
      </c>
      <c r="AQ89" s="295">
        <v>7.1321015231563936E-2</v>
      </c>
      <c r="AR89" s="74">
        <v>191</v>
      </c>
      <c r="AS89" s="75">
        <v>72.400000000000006</v>
      </c>
      <c r="AT89" s="76">
        <v>3.1360000000000001</v>
      </c>
      <c r="AU89" s="294">
        <v>0.24399999999999999</v>
      </c>
      <c r="AV89" s="295">
        <v>6.1955332205210024E-2</v>
      </c>
      <c r="AW89" s="296">
        <v>0.47799999999999998</v>
      </c>
      <c r="AX89" s="295">
        <v>7.1544951299920764E-2</v>
      </c>
    </row>
    <row r="90" spans="1:50" s="5" customFormat="1">
      <c r="A90" s="57" t="s">
        <v>446</v>
      </c>
      <c r="B90" s="71">
        <v>164</v>
      </c>
      <c r="C90" s="72">
        <v>77.8</v>
      </c>
      <c r="D90" s="73">
        <v>2.7439999999999998</v>
      </c>
      <c r="E90" s="291">
        <v>0.09</v>
      </c>
      <c r="F90" s="292">
        <v>4.6241979258230335E-2</v>
      </c>
      <c r="G90" s="293">
        <v>0.52100000000000002</v>
      </c>
      <c r="H90" s="292">
        <v>7.7086801723771109E-2</v>
      </c>
      <c r="I90" s="71">
        <v>164</v>
      </c>
      <c r="J90" s="72">
        <v>72.3</v>
      </c>
      <c r="K90" s="73">
        <v>2.94</v>
      </c>
      <c r="L90" s="291">
        <v>0.16</v>
      </c>
      <c r="M90" s="292">
        <v>5.7701866979975966E-2</v>
      </c>
      <c r="N90" s="293">
        <v>0.36299999999999999</v>
      </c>
      <c r="O90" s="292">
        <v>7.4340612799991379E-2</v>
      </c>
      <c r="P90" s="71">
        <v>164</v>
      </c>
      <c r="Q90" s="72">
        <v>72.400000000000006</v>
      </c>
      <c r="R90" s="73">
        <v>3.3319999999999999</v>
      </c>
      <c r="S90" s="291">
        <v>0.19900000000000001</v>
      </c>
      <c r="T90" s="320">
        <v>6.2423662375245374E-2</v>
      </c>
      <c r="U90" s="293">
        <v>0.502</v>
      </c>
      <c r="V90" s="292">
        <v>7.715108680662415E-2</v>
      </c>
      <c r="W90" s="71">
        <v>165</v>
      </c>
      <c r="X90" s="72">
        <v>75.400000000000006</v>
      </c>
      <c r="Y90" s="73">
        <v>3.3319999999999999</v>
      </c>
      <c r="Z90" s="291">
        <v>0.19</v>
      </c>
      <c r="AA90" s="292">
        <v>6.1229083234620042E-2</v>
      </c>
      <c r="AB90" s="293">
        <v>0.54500000000000004</v>
      </c>
      <c r="AC90" s="292">
        <v>7.6625535869683056E-2</v>
      </c>
      <c r="AD90" s="71">
        <v>165</v>
      </c>
      <c r="AE90" s="72">
        <v>82.5</v>
      </c>
      <c r="AF90" s="73">
        <v>2.94</v>
      </c>
      <c r="AG90" s="291">
        <v>0.125</v>
      </c>
      <c r="AH90" s="292">
        <v>7.2346997939095534E-2</v>
      </c>
      <c r="AI90" s="293">
        <v>0.67400000000000004</v>
      </c>
      <c r="AJ90" s="292">
        <v>5.2387501553719913E-2</v>
      </c>
      <c r="AK90" s="71">
        <v>163</v>
      </c>
      <c r="AL90" s="72">
        <v>77.599999999999994</v>
      </c>
      <c r="AM90" s="73">
        <v>3.92</v>
      </c>
      <c r="AN90" s="291">
        <v>0.19400000000000001</v>
      </c>
      <c r="AO90" s="292">
        <v>6.2059627043613161E-2</v>
      </c>
      <c r="AP90" s="293">
        <v>0.56000000000000005</v>
      </c>
      <c r="AQ90" s="292">
        <v>7.6849707865597153E-2</v>
      </c>
      <c r="AR90" s="71">
        <v>164</v>
      </c>
      <c r="AS90" s="72">
        <v>73.099999999999994</v>
      </c>
      <c r="AT90" s="73">
        <v>3.1360000000000001</v>
      </c>
      <c r="AU90" s="291">
        <v>0.27700000000000002</v>
      </c>
      <c r="AV90" s="292">
        <v>6.9455511039178325E-2</v>
      </c>
      <c r="AW90" s="293">
        <v>0.54100000000000004</v>
      </c>
      <c r="AX90" s="292">
        <v>7.6904098390881151E-2</v>
      </c>
    </row>
    <row r="91" spans="1:50">
      <c r="A91" s="49" t="s">
        <v>447</v>
      </c>
      <c r="B91" s="74">
        <v>79</v>
      </c>
      <c r="C91" s="75">
        <v>74.2</v>
      </c>
      <c r="D91" s="76">
        <v>4.3120000000000003</v>
      </c>
      <c r="E91" s="294">
        <v>0.13700000000000001</v>
      </c>
      <c r="F91" s="295">
        <v>7.9342353299720877E-2</v>
      </c>
      <c r="G91" s="296">
        <v>0.46899999999999997</v>
      </c>
      <c r="H91" s="295">
        <v>0.1095729705791684</v>
      </c>
      <c r="I91" s="74">
        <v>78</v>
      </c>
      <c r="J91" s="75">
        <v>67.5</v>
      </c>
      <c r="K91" s="76">
        <v>4.7039999999999997</v>
      </c>
      <c r="L91" s="294">
        <v>0.24199999999999999</v>
      </c>
      <c r="M91" s="295">
        <v>9.6214105082975843E-2</v>
      </c>
      <c r="N91" s="296">
        <v>0.33400000000000002</v>
      </c>
      <c r="O91" s="295">
        <v>0.1047800995232626</v>
      </c>
      <c r="P91" s="74">
        <v>79</v>
      </c>
      <c r="Q91" s="75">
        <v>69.3</v>
      </c>
      <c r="R91" s="76">
        <v>5.0960000000000001</v>
      </c>
      <c r="S91" s="294">
        <v>0.26800000000000002</v>
      </c>
      <c r="T91" s="321">
        <v>9.8479732330415584E-2</v>
      </c>
      <c r="U91" s="296">
        <v>0.44400000000000001</v>
      </c>
      <c r="V91" s="295">
        <v>0.10913879337793236</v>
      </c>
      <c r="W91" s="74">
        <v>79</v>
      </c>
      <c r="X91" s="75">
        <v>77.8</v>
      </c>
      <c r="Y91" s="76">
        <v>5.0960000000000001</v>
      </c>
      <c r="Z91" s="294">
        <v>0.158</v>
      </c>
      <c r="AA91" s="295">
        <v>8.3316202625365196E-2</v>
      </c>
      <c r="AB91" s="296">
        <v>0.59899999999999998</v>
      </c>
      <c r="AC91" s="295">
        <v>0.1077974252443127</v>
      </c>
      <c r="AD91" s="74">
        <v>79</v>
      </c>
      <c r="AE91" s="75">
        <v>86.3</v>
      </c>
      <c r="AF91" s="76">
        <v>2.7439999999999998</v>
      </c>
      <c r="AG91" s="294">
        <v>1.4E-2</v>
      </c>
      <c r="AH91" s="295">
        <v>9.247452570761952E-2</v>
      </c>
      <c r="AI91" s="296">
        <v>0.78300000000000003</v>
      </c>
      <c r="AJ91" s="295">
        <v>4.1664930853609498E-2</v>
      </c>
      <c r="AK91" s="74">
        <v>79</v>
      </c>
      <c r="AL91" s="75">
        <v>71.900000000000006</v>
      </c>
      <c r="AM91" s="76">
        <v>4.9000000000000004</v>
      </c>
      <c r="AN91" s="294">
        <v>0.314</v>
      </c>
      <c r="AO91" s="295">
        <v>0.10265351795046804</v>
      </c>
      <c r="AP91" s="296">
        <v>0.45500000000000002</v>
      </c>
      <c r="AQ91" s="295">
        <v>0.10936078845595466</v>
      </c>
      <c r="AR91" s="74">
        <v>79</v>
      </c>
      <c r="AS91" s="75">
        <v>74.400000000000006</v>
      </c>
      <c r="AT91" s="76">
        <v>3.1360000000000001</v>
      </c>
      <c r="AU91" s="294">
        <v>0.25</v>
      </c>
      <c r="AV91" s="295">
        <v>9.6537385837867501E-2</v>
      </c>
      <c r="AW91" s="296">
        <v>0.48599999999999999</v>
      </c>
      <c r="AX91" s="295">
        <v>0.10972527277997994</v>
      </c>
    </row>
    <row r="92" spans="1:50" s="227" customFormat="1">
      <c r="A92" s="241"/>
      <c r="T92" s="317"/>
    </row>
    <row r="93" spans="1:50" ht="18.75">
      <c r="A93" s="335" t="s">
        <v>284</v>
      </c>
      <c r="B93" s="335"/>
      <c r="C93" s="335"/>
      <c r="D93" s="335"/>
      <c r="E93" s="335"/>
      <c r="F93" s="335"/>
      <c r="G93" s="335"/>
      <c r="H93" s="335"/>
    </row>
    <row r="94" spans="1:50" ht="72.75" customHeight="1">
      <c r="A94" s="337" t="s">
        <v>288</v>
      </c>
      <c r="B94" s="337"/>
      <c r="C94" s="337"/>
      <c r="D94" s="337"/>
      <c r="E94" s="337"/>
      <c r="F94" s="337"/>
      <c r="G94" s="337"/>
      <c r="H94" s="337"/>
    </row>
    <row r="95" spans="1:50" ht="33" customHeight="1">
      <c r="A95" s="338" t="s">
        <v>285</v>
      </c>
      <c r="B95" s="339"/>
      <c r="C95" s="339"/>
      <c r="D95" s="339"/>
      <c r="E95" s="339"/>
      <c r="F95" s="339"/>
      <c r="G95" s="339"/>
      <c r="H95" s="340"/>
    </row>
    <row r="96" spans="1:50" ht="42" customHeight="1">
      <c r="A96" s="37" t="s">
        <v>85</v>
      </c>
      <c r="B96" s="38" t="s">
        <v>86</v>
      </c>
      <c r="C96" s="39" t="s">
        <v>87</v>
      </c>
      <c r="D96" s="40" t="s">
        <v>88</v>
      </c>
      <c r="E96" s="39" t="s">
        <v>398</v>
      </c>
      <c r="F96" s="40" t="s">
        <v>402</v>
      </c>
      <c r="G96" s="39" t="s">
        <v>400</v>
      </c>
      <c r="H96" s="40" t="s">
        <v>403</v>
      </c>
    </row>
    <row r="97" spans="1:20" ht="109.5" customHeight="1">
      <c r="A97" s="41"/>
      <c r="B97" s="42" t="s">
        <v>89</v>
      </c>
      <c r="C97" s="43" t="s">
        <v>291</v>
      </c>
      <c r="D97" s="44" t="s">
        <v>91</v>
      </c>
      <c r="E97" s="43" t="s">
        <v>399</v>
      </c>
      <c r="F97" s="91" t="s">
        <v>104</v>
      </c>
      <c r="G97" s="43" t="s">
        <v>401</v>
      </c>
      <c r="H97" s="91" t="s">
        <v>104</v>
      </c>
    </row>
    <row r="98" spans="1:20">
      <c r="A98" s="45" t="s">
        <v>424</v>
      </c>
      <c r="B98" s="77">
        <v>8473</v>
      </c>
      <c r="C98" s="78">
        <v>70.806989823608035</v>
      </c>
      <c r="D98" s="79">
        <v>0.51492840677209151</v>
      </c>
      <c r="E98" s="291">
        <v>0.24759942993317427</v>
      </c>
      <c r="F98" s="292">
        <v>9.3773112832664183E-3</v>
      </c>
      <c r="G98" s="291">
        <v>0.48110213296680271</v>
      </c>
      <c r="H98" s="292">
        <v>1.0853474272107861E-2</v>
      </c>
    </row>
    <row r="99" spans="1:20">
      <c r="A99" s="49" t="s">
        <v>425</v>
      </c>
      <c r="B99" s="80">
        <v>7880</v>
      </c>
      <c r="C99" s="81">
        <v>70.44400108077626</v>
      </c>
      <c r="D99" s="82">
        <v>0.54099223729664803</v>
      </c>
      <c r="E99" s="294">
        <v>0.2534547164679693</v>
      </c>
      <c r="F99" s="295">
        <v>9.7995404287269244E-3</v>
      </c>
      <c r="G99" s="294">
        <v>0.47528367173406427</v>
      </c>
      <c r="H99" s="295">
        <v>1.1248535004562479E-2</v>
      </c>
    </row>
    <row r="100" spans="1:20" s="5" customFormat="1">
      <c r="A100" s="53" t="s">
        <v>426</v>
      </c>
      <c r="B100" s="77">
        <v>761</v>
      </c>
      <c r="C100" s="78">
        <v>65.640626999999995</v>
      </c>
      <c r="D100" s="79">
        <v>1.7664499999999999</v>
      </c>
      <c r="E100" s="290">
        <v>0.318</v>
      </c>
      <c r="F100" s="297">
        <v>3.3701611773795291E-2</v>
      </c>
      <c r="G100" s="290">
        <v>0.373</v>
      </c>
      <c r="H100" s="297">
        <v>3.498191714501106E-2</v>
      </c>
      <c r="T100" s="316"/>
    </row>
    <row r="101" spans="1:20" s="5" customFormat="1">
      <c r="A101" s="49" t="s">
        <v>427</v>
      </c>
      <c r="B101" s="80">
        <v>6154</v>
      </c>
      <c r="C101" s="81">
        <v>70.760007999999999</v>
      </c>
      <c r="D101" s="82">
        <v>0.58890355999999999</v>
      </c>
      <c r="E101" s="294">
        <v>0.248</v>
      </c>
      <c r="F101" s="295">
        <v>1.1008823787365991E-2</v>
      </c>
      <c r="G101" s="294">
        <v>0.48</v>
      </c>
      <c r="H101" s="295">
        <v>1.2733063233380686E-2</v>
      </c>
      <c r="T101" s="316"/>
    </row>
    <row r="102" spans="1:20" s="5" customFormat="1">
      <c r="A102" s="53" t="s">
        <v>428</v>
      </c>
      <c r="B102" s="77">
        <v>2321</v>
      </c>
      <c r="C102" s="78">
        <v>75.313113999999999</v>
      </c>
      <c r="D102" s="79">
        <v>0.85342516000000002</v>
      </c>
      <c r="E102" s="290">
        <v>0.17499999999999999</v>
      </c>
      <c r="F102" s="297">
        <v>1.5780108792457385E-2</v>
      </c>
      <c r="G102" s="290">
        <v>0.56299999999999994</v>
      </c>
      <c r="H102" s="297">
        <v>2.0574319310714406E-2</v>
      </c>
      <c r="T102" s="316"/>
    </row>
    <row r="103" spans="1:20" s="5" customFormat="1">
      <c r="A103" s="49" t="s">
        <v>429</v>
      </c>
      <c r="B103" s="80">
        <v>558</v>
      </c>
      <c r="C103" s="81">
        <v>72.238282999999996</v>
      </c>
      <c r="D103" s="82">
        <v>1.7571596</v>
      </c>
      <c r="E103" s="294">
        <v>0.20799999999999999</v>
      </c>
      <c r="F103" s="295">
        <v>3.4367223804815168E-2</v>
      </c>
      <c r="G103" s="294">
        <v>0.52500000000000002</v>
      </c>
      <c r="H103" s="295">
        <v>4.213044183344767E-2</v>
      </c>
      <c r="T103" s="316"/>
    </row>
    <row r="104" spans="1:20" s="5" customFormat="1">
      <c r="A104" s="53" t="s">
        <v>430</v>
      </c>
      <c r="B104" s="77">
        <v>1478</v>
      </c>
      <c r="C104" s="78">
        <v>76.312471000000002</v>
      </c>
      <c r="D104" s="79">
        <v>1.05366856</v>
      </c>
      <c r="E104" s="290">
        <v>0.16300000000000001</v>
      </c>
      <c r="F104" s="297">
        <v>1.923245336205617E-2</v>
      </c>
      <c r="G104" s="290">
        <v>0.56899999999999995</v>
      </c>
      <c r="H104" s="297">
        <v>2.5729028419894065E-2</v>
      </c>
      <c r="T104" s="316"/>
    </row>
    <row r="105" spans="1:20" s="5" customFormat="1">
      <c r="A105" s="49" t="s">
        <v>431</v>
      </c>
      <c r="B105" s="80">
        <v>215</v>
      </c>
      <c r="C105" s="81">
        <v>74.206922000000006</v>
      </c>
      <c r="D105" s="82">
        <v>2.8945730799999998</v>
      </c>
      <c r="E105" s="294">
        <v>0.21299999999999999</v>
      </c>
      <c r="F105" s="295">
        <v>5.5823013630738542E-2</v>
      </c>
      <c r="G105" s="294">
        <v>0.55600000000000005</v>
      </c>
      <c r="H105" s="295">
        <v>6.716401391513252E-2</v>
      </c>
      <c r="T105" s="316"/>
    </row>
    <row r="106" spans="1:20" s="5" customFormat="1">
      <c r="A106" s="53" t="s">
        <v>432</v>
      </c>
      <c r="B106" s="77">
        <v>512</v>
      </c>
      <c r="C106" s="78">
        <v>69.978872999999993</v>
      </c>
      <c r="D106" s="79">
        <v>1.9412761199999999</v>
      </c>
      <c r="E106" s="290">
        <v>0.22700000000000001</v>
      </c>
      <c r="F106" s="297">
        <v>3.7002200828636235E-2</v>
      </c>
      <c r="G106" s="290">
        <v>0.44</v>
      </c>
      <c r="H106" s="297">
        <v>4.3709364084653181E-2</v>
      </c>
      <c r="T106" s="316"/>
    </row>
    <row r="107" spans="1:20" s="5" customFormat="1">
      <c r="A107" s="49" t="s">
        <v>433</v>
      </c>
      <c r="B107" s="80">
        <v>657</v>
      </c>
      <c r="C107" s="81">
        <v>77.379683999999997</v>
      </c>
      <c r="D107" s="82">
        <v>1.6188600400000002</v>
      </c>
      <c r="E107" s="294">
        <v>0.158</v>
      </c>
      <c r="F107" s="295">
        <v>2.8523665615193792E-2</v>
      </c>
      <c r="G107" s="294">
        <v>0.59299999999999997</v>
      </c>
      <c r="H107" s="295">
        <v>3.8225017434330627E-2</v>
      </c>
      <c r="T107" s="316"/>
    </row>
    <row r="108" spans="1:20" s="5" customFormat="1">
      <c r="A108" s="45" t="s">
        <v>434</v>
      </c>
      <c r="B108" s="77">
        <v>916</v>
      </c>
      <c r="C108" s="78">
        <v>79.954960999999997</v>
      </c>
      <c r="D108" s="79">
        <v>1.2361014399999999</v>
      </c>
      <c r="E108" s="291">
        <v>0.111</v>
      </c>
      <c r="F108" s="292">
        <v>2.0850604648954607E-2</v>
      </c>
      <c r="G108" s="291">
        <v>0.67500000000000004</v>
      </c>
      <c r="H108" s="292">
        <v>3.0902421842993272E-2</v>
      </c>
      <c r="T108" s="316"/>
    </row>
    <row r="109" spans="1:20" s="5" customFormat="1">
      <c r="A109" s="49" t="s">
        <v>435</v>
      </c>
      <c r="B109" s="80">
        <v>674</v>
      </c>
      <c r="C109" s="81">
        <v>74.750049000000004</v>
      </c>
      <c r="D109" s="82">
        <v>1.60002248</v>
      </c>
      <c r="E109" s="294">
        <v>0.20200000000000001</v>
      </c>
      <c r="F109" s="295">
        <v>3.0938205023711734E-2</v>
      </c>
      <c r="G109" s="294">
        <v>0.54800000000000004</v>
      </c>
      <c r="H109" s="295">
        <v>3.8229481407048203E-2</v>
      </c>
      <c r="T109" s="316"/>
    </row>
    <row r="110" spans="1:20">
      <c r="A110" s="53" t="s">
        <v>436</v>
      </c>
      <c r="B110" s="83">
        <v>124</v>
      </c>
      <c r="C110" s="84">
        <v>70.261993000000004</v>
      </c>
      <c r="D110" s="85">
        <v>3.72830416</v>
      </c>
      <c r="E110" s="290">
        <v>0.246</v>
      </c>
      <c r="F110" s="297">
        <v>7.6944226166943075E-2</v>
      </c>
      <c r="G110" s="290">
        <v>0.51800000000000002</v>
      </c>
      <c r="H110" s="297">
        <v>8.8334579439790659E-2</v>
      </c>
    </row>
    <row r="111" spans="1:20">
      <c r="A111" s="49" t="s">
        <v>437</v>
      </c>
      <c r="B111" s="80">
        <v>136</v>
      </c>
      <c r="C111" s="81">
        <v>71.612772000000007</v>
      </c>
      <c r="D111" s="82">
        <v>3.9251391200000003</v>
      </c>
      <c r="E111" s="294">
        <v>0.19500000000000001</v>
      </c>
      <c r="F111" s="295">
        <v>6.8078688821980968E-2</v>
      </c>
      <c r="G111" s="294">
        <v>0.496</v>
      </c>
      <c r="H111" s="295">
        <v>8.4512873275443295E-2</v>
      </c>
    </row>
    <row r="112" spans="1:20">
      <c r="A112" s="57" t="s">
        <v>438</v>
      </c>
      <c r="B112" s="77">
        <v>228</v>
      </c>
      <c r="C112" s="78">
        <v>74.255133000000001</v>
      </c>
      <c r="D112" s="79">
        <v>2.8249773999999999</v>
      </c>
      <c r="E112" s="291">
        <v>0.157</v>
      </c>
      <c r="F112" s="292">
        <v>4.8489758805000852E-2</v>
      </c>
      <c r="G112" s="291">
        <v>0.54200000000000004</v>
      </c>
      <c r="H112" s="292">
        <v>6.5429127649755475E-2</v>
      </c>
    </row>
    <row r="113" spans="1:23">
      <c r="A113" s="49" t="s">
        <v>439</v>
      </c>
      <c r="B113" s="80">
        <v>378</v>
      </c>
      <c r="C113" s="81">
        <v>77.752148000000005</v>
      </c>
      <c r="D113" s="82">
        <v>1.9647000799999998</v>
      </c>
      <c r="E113" s="294">
        <v>0.125</v>
      </c>
      <c r="F113" s="295">
        <v>3.42923384041229E-2</v>
      </c>
      <c r="G113" s="294">
        <v>0.60899999999999999</v>
      </c>
      <c r="H113" s="295">
        <v>4.9959828265292043E-2</v>
      </c>
    </row>
    <row r="114" spans="1:23">
      <c r="A114" s="57" t="s">
        <v>440</v>
      </c>
      <c r="B114" s="77">
        <v>387</v>
      </c>
      <c r="C114" s="78">
        <v>78.052014999999997</v>
      </c>
      <c r="D114" s="79">
        <v>1.9689101599999999</v>
      </c>
      <c r="E114" s="291">
        <v>0.13700000000000001</v>
      </c>
      <c r="F114" s="292">
        <v>3.5170501827143812E-2</v>
      </c>
      <c r="G114" s="291">
        <v>0.59699999999999998</v>
      </c>
      <c r="H114" s="292">
        <v>4.9631122856154147E-2</v>
      </c>
    </row>
    <row r="115" spans="1:23">
      <c r="A115" s="49" t="s">
        <v>441</v>
      </c>
      <c r="B115" s="80">
        <v>267</v>
      </c>
      <c r="C115" s="81">
        <v>74.103401000000005</v>
      </c>
      <c r="D115" s="82">
        <v>2.52795704</v>
      </c>
      <c r="E115" s="294">
        <v>0.22700000000000001</v>
      </c>
      <c r="F115" s="295">
        <v>5.1207541108530735E-2</v>
      </c>
      <c r="G115" s="294">
        <v>0.56200000000000006</v>
      </c>
      <c r="H115" s="295">
        <v>6.0290641518088696E-2</v>
      </c>
    </row>
    <row r="116" spans="1:23">
      <c r="A116" s="57" t="s">
        <v>442</v>
      </c>
      <c r="B116" s="77">
        <v>708</v>
      </c>
      <c r="C116" s="78">
        <v>75.939257999999995</v>
      </c>
      <c r="D116" s="79">
        <v>1.5829156</v>
      </c>
      <c r="E116" s="291">
        <v>0.16600000000000001</v>
      </c>
      <c r="F116" s="292">
        <v>2.8014233672359386E-2</v>
      </c>
      <c r="G116" s="291">
        <v>0.56299999999999994</v>
      </c>
      <c r="H116" s="292">
        <v>3.7181264932860329E-2</v>
      </c>
    </row>
    <row r="117" spans="1:23">
      <c r="A117" s="49" t="s">
        <v>443</v>
      </c>
      <c r="B117" s="80">
        <v>938</v>
      </c>
      <c r="C117" s="81">
        <v>75.180442999999997</v>
      </c>
      <c r="D117" s="82">
        <v>1.3049013599999999</v>
      </c>
      <c r="E117" s="294">
        <v>0.17299999999999999</v>
      </c>
      <c r="F117" s="295">
        <v>2.4725857759818625E-2</v>
      </c>
      <c r="G117" s="294">
        <v>0.55300000000000005</v>
      </c>
      <c r="H117" s="295">
        <v>3.2399759178250956E-2</v>
      </c>
    </row>
    <row r="118" spans="1:23">
      <c r="A118" s="57" t="s">
        <v>444</v>
      </c>
      <c r="B118" s="77">
        <v>258</v>
      </c>
      <c r="C118" s="78">
        <v>74.342837000000003</v>
      </c>
      <c r="D118" s="79">
        <v>2.7341215999999999</v>
      </c>
      <c r="E118" s="291">
        <v>0.189</v>
      </c>
      <c r="F118" s="292">
        <v>4.8835253284979133E-2</v>
      </c>
      <c r="G118" s="291">
        <v>0.58599999999999997</v>
      </c>
      <c r="H118" s="292">
        <v>6.0887596118605107E-2</v>
      </c>
    </row>
    <row r="119" spans="1:23">
      <c r="A119" s="49" t="s">
        <v>445</v>
      </c>
      <c r="B119" s="80">
        <v>179</v>
      </c>
      <c r="C119" s="81">
        <v>78.058352999999997</v>
      </c>
      <c r="D119" s="82">
        <v>2.6290342400000002</v>
      </c>
      <c r="E119" s="294">
        <v>0.123</v>
      </c>
      <c r="F119" s="295">
        <v>4.9921552626855735E-2</v>
      </c>
      <c r="G119" s="294">
        <v>0.55300000000000005</v>
      </c>
      <c r="H119" s="295">
        <v>7.3523715479825461E-2</v>
      </c>
    </row>
    <row r="120" spans="1:23" s="5" customFormat="1">
      <c r="A120" s="57" t="s">
        <v>446</v>
      </c>
      <c r="B120" s="77">
        <v>154</v>
      </c>
      <c r="C120" s="78">
        <v>73.514250000000004</v>
      </c>
      <c r="D120" s="79">
        <v>3.5509711999999998</v>
      </c>
      <c r="E120" s="291">
        <v>0.23400000000000001</v>
      </c>
      <c r="F120" s="292">
        <v>6.8024796881560809E-2</v>
      </c>
      <c r="G120" s="291">
        <v>0.56499999999999995</v>
      </c>
      <c r="H120" s="292">
        <v>7.891450527672221E-2</v>
      </c>
      <c r="T120" s="316"/>
    </row>
    <row r="121" spans="1:23">
      <c r="A121" s="49" t="s">
        <v>447</v>
      </c>
      <c r="B121" s="80">
        <v>76</v>
      </c>
      <c r="C121" s="81">
        <v>73.696465000000003</v>
      </c>
      <c r="D121" s="82">
        <v>4.7933171999999997</v>
      </c>
      <c r="E121" s="294">
        <v>0.16700000000000001</v>
      </c>
      <c r="F121" s="295">
        <v>8.658021641807094E-2</v>
      </c>
      <c r="G121" s="294">
        <v>0.54800000000000004</v>
      </c>
      <c r="H121" s="295">
        <v>0.11133746898506361</v>
      </c>
    </row>
    <row r="122" spans="1:23" s="227" customFormat="1">
      <c r="A122" s="241"/>
      <c r="T122" s="317"/>
    </row>
    <row r="123" spans="1:23" s="5" customFormat="1" ht="18.75">
      <c r="A123" s="343" t="s">
        <v>248</v>
      </c>
      <c r="B123" s="343"/>
      <c r="C123" s="343"/>
      <c r="D123" s="343"/>
      <c r="E123" s="343"/>
      <c r="F123" s="343"/>
      <c r="G123" s="343"/>
      <c r="H123" s="343"/>
      <c r="I123" s="343"/>
      <c r="J123" s="343"/>
      <c r="K123" s="343"/>
      <c r="L123" s="343"/>
      <c r="M123" s="343"/>
      <c r="N123" s="343"/>
      <c r="O123" s="343"/>
      <c r="P123" s="343"/>
      <c r="Q123" s="343"/>
      <c r="R123" s="343"/>
      <c r="S123" s="343"/>
      <c r="T123" s="343"/>
      <c r="U123" s="343"/>
      <c r="V123" s="343"/>
      <c r="W123" s="227"/>
    </row>
    <row r="124" spans="1:23" s="5" customFormat="1" ht="69.75" customHeight="1">
      <c r="A124" s="337" t="s">
        <v>287</v>
      </c>
      <c r="B124" s="337"/>
      <c r="C124" s="337"/>
      <c r="D124" s="337"/>
      <c r="E124" s="337"/>
      <c r="F124" s="337"/>
      <c r="G124" s="337"/>
      <c r="H124" s="337"/>
      <c r="I124" s="337"/>
      <c r="J124" s="337"/>
      <c r="K124" s="337"/>
      <c r="L124" s="337"/>
      <c r="M124" s="337"/>
      <c r="N124" s="337"/>
      <c r="O124" s="337"/>
      <c r="P124" s="337"/>
      <c r="Q124" s="337"/>
      <c r="R124" s="337"/>
      <c r="S124" s="337"/>
      <c r="T124" s="337"/>
      <c r="U124" s="337"/>
      <c r="V124" s="337"/>
    </row>
    <row r="125" spans="1:23" s="5" customFormat="1" ht="48.75" customHeight="1">
      <c r="A125" s="64" t="s">
        <v>286</v>
      </c>
      <c r="B125" s="344" t="s">
        <v>251</v>
      </c>
      <c r="C125" s="345"/>
      <c r="D125" s="345"/>
      <c r="E125" s="345"/>
      <c r="F125" s="345"/>
      <c r="G125" s="345"/>
      <c r="H125" s="346"/>
      <c r="I125" s="338" t="s">
        <v>250</v>
      </c>
      <c r="J125" s="339"/>
      <c r="K125" s="339"/>
      <c r="L125" s="339"/>
      <c r="M125" s="339"/>
      <c r="N125" s="339"/>
      <c r="O125" s="340"/>
      <c r="P125" s="338" t="s">
        <v>249</v>
      </c>
      <c r="Q125" s="339"/>
      <c r="R125" s="339"/>
      <c r="S125" s="339"/>
      <c r="T125" s="339"/>
      <c r="U125" s="339"/>
      <c r="V125" s="340"/>
    </row>
    <row r="126" spans="1:23" s="5" customFormat="1" ht="43.5" customHeight="1">
      <c r="A126" s="37" t="s">
        <v>85</v>
      </c>
      <c r="B126" s="65" t="s">
        <v>86</v>
      </c>
      <c r="C126" s="66" t="s">
        <v>87</v>
      </c>
      <c r="D126" s="67" t="s">
        <v>88</v>
      </c>
      <c r="E126" s="66" t="s">
        <v>398</v>
      </c>
      <c r="F126" s="67" t="s">
        <v>402</v>
      </c>
      <c r="G126" s="66" t="s">
        <v>400</v>
      </c>
      <c r="H126" s="67" t="s">
        <v>403</v>
      </c>
      <c r="I126" s="38" t="s">
        <v>86</v>
      </c>
      <c r="J126" s="39" t="s">
        <v>87</v>
      </c>
      <c r="K126" s="40" t="s">
        <v>88</v>
      </c>
      <c r="L126" s="38" t="s">
        <v>398</v>
      </c>
      <c r="M126" s="40" t="s">
        <v>402</v>
      </c>
      <c r="N126" s="39" t="s">
        <v>400</v>
      </c>
      <c r="O126" s="40" t="s">
        <v>402</v>
      </c>
      <c r="P126" s="65" t="s">
        <v>86</v>
      </c>
      <c r="Q126" s="66" t="s">
        <v>87</v>
      </c>
      <c r="R126" s="67" t="s">
        <v>88</v>
      </c>
      <c r="S126" s="65" t="s">
        <v>398</v>
      </c>
      <c r="T126" s="322" t="s">
        <v>402</v>
      </c>
      <c r="U126" s="66" t="s">
        <v>400</v>
      </c>
      <c r="V126" s="67" t="s">
        <v>402</v>
      </c>
    </row>
    <row r="127" spans="1:23" s="5" customFormat="1" ht="102" customHeight="1">
      <c r="A127" s="41"/>
      <c r="B127" s="68" t="s">
        <v>89</v>
      </c>
      <c r="C127" s="69" t="s">
        <v>290</v>
      </c>
      <c r="D127" s="70" t="s">
        <v>91</v>
      </c>
      <c r="E127" s="69" t="s">
        <v>399</v>
      </c>
      <c r="F127" s="70" t="s">
        <v>104</v>
      </c>
      <c r="G127" s="69" t="s">
        <v>401</v>
      </c>
      <c r="H127" s="70" t="s">
        <v>104</v>
      </c>
      <c r="I127" s="42" t="s">
        <v>89</v>
      </c>
      <c r="J127" s="43" t="s">
        <v>290</v>
      </c>
      <c r="K127" s="44" t="s">
        <v>91</v>
      </c>
      <c r="L127" s="42" t="s">
        <v>399</v>
      </c>
      <c r="M127" s="44" t="s">
        <v>104</v>
      </c>
      <c r="N127" s="125" t="s">
        <v>401</v>
      </c>
      <c r="O127" s="44" t="s">
        <v>104</v>
      </c>
      <c r="P127" s="68" t="s">
        <v>89</v>
      </c>
      <c r="Q127" s="69" t="s">
        <v>290</v>
      </c>
      <c r="R127" s="70" t="s">
        <v>91</v>
      </c>
      <c r="S127" s="68" t="s">
        <v>399</v>
      </c>
      <c r="T127" s="323" t="s">
        <v>104</v>
      </c>
      <c r="U127" s="272" t="s">
        <v>401</v>
      </c>
      <c r="V127" s="70" t="s">
        <v>104</v>
      </c>
    </row>
    <row r="128" spans="1:23" s="5" customFormat="1">
      <c r="A128" s="45" t="s">
        <v>424</v>
      </c>
      <c r="B128" s="71">
        <v>8491</v>
      </c>
      <c r="C128" s="72">
        <v>70.399518061868122</v>
      </c>
      <c r="D128" s="73">
        <v>0.53619615294243306</v>
      </c>
      <c r="E128" s="291">
        <v>0.23131496043345545</v>
      </c>
      <c r="F128" s="292">
        <v>9.1518179047843772E-3</v>
      </c>
      <c r="G128" s="291">
        <v>0.52110929631772962</v>
      </c>
      <c r="H128" s="292">
        <v>1.0840049934782769E-2</v>
      </c>
      <c r="I128" s="71">
        <v>8447</v>
      </c>
      <c r="J128" s="72">
        <v>70.267714083041696</v>
      </c>
      <c r="K128" s="73">
        <v>0.54635054899507263</v>
      </c>
      <c r="L128" s="291">
        <v>0.23848285544073899</v>
      </c>
      <c r="M128" s="292">
        <v>9.2730317625122349E-3</v>
      </c>
      <c r="N128" s="291">
        <v>0.5209637394983605</v>
      </c>
      <c r="O128" s="292">
        <v>1.0868365847424845E-2</v>
      </c>
      <c r="P128" s="71">
        <v>8449</v>
      </c>
      <c r="Q128" s="72">
        <v>71.782701149499644</v>
      </c>
      <c r="R128" s="73">
        <v>0.51698625336236859</v>
      </c>
      <c r="S128" s="291">
        <v>0.21020487256578041</v>
      </c>
      <c r="T128" s="320">
        <v>8.8655785948457411E-3</v>
      </c>
      <c r="U128" s="291">
        <v>0.54192800040856171</v>
      </c>
      <c r="V128" s="292">
        <v>1.0838362800324712E-2</v>
      </c>
    </row>
    <row r="129" spans="1:22" s="5" customFormat="1">
      <c r="A129" s="49" t="s">
        <v>425</v>
      </c>
      <c r="B129" s="74">
        <v>7899</v>
      </c>
      <c r="C129" s="75">
        <v>70.109020340270575</v>
      </c>
      <c r="D129" s="76">
        <v>0.56379391387449007</v>
      </c>
      <c r="E129" s="294">
        <v>0.23730527320594852</v>
      </c>
      <c r="F129" s="295">
        <v>9.572973216217074E-3</v>
      </c>
      <c r="G129" s="294">
        <v>0.51697043221518157</v>
      </c>
      <c r="H129" s="295">
        <v>1.1242268891900664E-2</v>
      </c>
      <c r="I129" s="74">
        <v>7856</v>
      </c>
      <c r="J129" s="75">
        <v>69.853980047782386</v>
      </c>
      <c r="K129" s="76">
        <v>0.5736991540951295</v>
      </c>
      <c r="L129" s="294">
        <v>0.24633941657954586</v>
      </c>
      <c r="M129" s="295">
        <v>9.7218774696788239E-3</v>
      </c>
      <c r="N129" s="294">
        <v>0.51553270193559531</v>
      </c>
      <c r="O129" s="295">
        <v>1.1274032417767699E-2</v>
      </c>
      <c r="P129" s="74">
        <v>7858</v>
      </c>
      <c r="Q129" s="75">
        <v>71.430504759033482</v>
      </c>
      <c r="R129" s="76">
        <v>0.54212618708031313</v>
      </c>
      <c r="S129" s="294">
        <v>0.21649141056625604</v>
      </c>
      <c r="T129" s="321">
        <v>9.292024433555382E-3</v>
      </c>
      <c r="U129" s="294">
        <v>0.5358577691871782</v>
      </c>
      <c r="V129" s="295">
        <v>1.124902615202634E-2</v>
      </c>
    </row>
    <row r="130" spans="1:22" s="5" customFormat="1">
      <c r="A130" s="53" t="s">
        <v>426</v>
      </c>
      <c r="B130" s="54">
        <v>761</v>
      </c>
      <c r="C130" s="55">
        <v>65.900000000000006</v>
      </c>
      <c r="D130" s="56">
        <v>1.8228</v>
      </c>
      <c r="E130" s="290">
        <v>0.28799999999999998</v>
      </c>
      <c r="F130" s="297">
        <v>3.2781692152615984E-2</v>
      </c>
      <c r="G130" s="290">
        <v>0.436</v>
      </c>
      <c r="H130" s="297">
        <v>3.5860785435346959E-2</v>
      </c>
      <c r="I130" s="54">
        <v>759</v>
      </c>
      <c r="J130" s="55">
        <v>64.900000000000006</v>
      </c>
      <c r="K130" s="56">
        <v>1.8815999999999999</v>
      </c>
      <c r="L130" s="290">
        <v>0.30599999999999999</v>
      </c>
      <c r="M130" s="297">
        <v>3.3397214344617086E-2</v>
      </c>
      <c r="N130" s="290">
        <v>0.42499999999999999</v>
      </c>
      <c r="O130" s="297">
        <v>3.5797143850661794E-2</v>
      </c>
      <c r="P130" s="54">
        <v>759</v>
      </c>
      <c r="Q130" s="55">
        <v>66.23</v>
      </c>
      <c r="R130" s="56">
        <v>1.8032000000000001</v>
      </c>
      <c r="S130" s="290">
        <v>0.27200000000000002</v>
      </c>
      <c r="T130" s="320">
        <v>3.2263627358025342E-2</v>
      </c>
      <c r="U130" s="290">
        <v>0.435</v>
      </c>
      <c r="V130" s="297">
        <v>3.5898442940051165E-2</v>
      </c>
    </row>
    <row r="131" spans="1:22" s="5" customFormat="1">
      <c r="A131" s="49" t="s">
        <v>427</v>
      </c>
      <c r="B131" s="74">
        <v>6166</v>
      </c>
      <c r="C131" s="75">
        <v>70.36</v>
      </c>
      <c r="D131" s="76">
        <v>0.60760000000000003</v>
      </c>
      <c r="E131" s="294">
        <v>0.23200000000000001</v>
      </c>
      <c r="F131" s="295">
        <v>1.0750420339461428E-2</v>
      </c>
      <c r="G131" s="294">
        <v>0.52</v>
      </c>
      <c r="H131" s="295">
        <v>1.2720674947956848E-2</v>
      </c>
      <c r="I131" s="74">
        <v>6138</v>
      </c>
      <c r="J131" s="75">
        <v>70.22</v>
      </c>
      <c r="K131" s="76">
        <v>0.62719999999999998</v>
      </c>
      <c r="L131" s="294">
        <v>0.23899999999999999</v>
      </c>
      <c r="M131" s="295">
        <v>1.0886098048093089E-2</v>
      </c>
      <c r="N131" s="294">
        <v>0.52</v>
      </c>
      <c r="O131" s="295">
        <v>1.2749637389146548E-2</v>
      </c>
      <c r="P131" s="74">
        <v>6134</v>
      </c>
      <c r="Q131" s="75">
        <v>71.73</v>
      </c>
      <c r="R131" s="76">
        <v>0.58799999999999997</v>
      </c>
      <c r="S131" s="294">
        <v>0.21099999999999999</v>
      </c>
      <c r="T131" s="321">
        <v>1.0419291270938246E-2</v>
      </c>
      <c r="U131" s="294">
        <v>0.54100000000000004</v>
      </c>
      <c r="V131" s="295">
        <v>1.2721064194643318E-2</v>
      </c>
    </row>
    <row r="132" spans="1:22" s="5" customFormat="1">
      <c r="A132" s="53" t="s">
        <v>428</v>
      </c>
      <c r="B132" s="54">
        <v>2327</v>
      </c>
      <c r="C132" s="55">
        <v>74.22</v>
      </c>
      <c r="D132" s="56">
        <v>0.90160000000000007</v>
      </c>
      <c r="E132" s="290">
        <v>0.17499999999999999</v>
      </c>
      <c r="F132" s="297">
        <v>1.5759735843090896E-2</v>
      </c>
      <c r="G132" s="290">
        <v>0.58699999999999997</v>
      </c>
      <c r="H132" s="297">
        <v>2.0397464304594236E-2</v>
      </c>
      <c r="I132" s="54">
        <v>2311</v>
      </c>
      <c r="J132" s="55">
        <v>75.11</v>
      </c>
      <c r="K132" s="56">
        <v>0.90160000000000007</v>
      </c>
      <c r="L132" s="290">
        <v>0.16600000000000001</v>
      </c>
      <c r="M132" s="297">
        <v>1.5487983143316088E-2</v>
      </c>
      <c r="N132" s="290">
        <v>0.61499999999999999</v>
      </c>
      <c r="O132" s="297">
        <v>2.0228528598547249E-2</v>
      </c>
      <c r="P132" s="54">
        <v>2317</v>
      </c>
      <c r="Q132" s="55">
        <v>76.53</v>
      </c>
      <c r="R132" s="56">
        <v>0.86239999999999994</v>
      </c>
      <c r="S132" s="290">
        <v>0.14299999999999999</v>
      </c>
      <c r="T132" s="320">
        <v>1.4558853294996078E-2</v>
      </c>
      <c r="U132" s="290">
        <v>0.627</v>
      </c>
      <c r="V132" s="297">
        <v>2.0078542260991979E-2</v>
      </c>
    </row>
    <row r="133" spans="1:22" s="5" customFormat="1">
      <c r="A133" s="49" t="s">
        <v>429</v>
      </c>
      <c r="B133" s="74">
        <v>560</v>
      </c>
      <c r="C133" s="75">
        <v>70.97</v>
      </c>
      <c r="D133" s="76">
        <v>1.8619999999999999</v>
      </c>
      <c r="E133" s="294">
        <v>0.21</v>
      </c>
      <c r="F133" s="295">
        <v>3.4424207797650395E-2</v>
      </c>
      <c r="G133" s="294">
        <v>0.53300000000000003</v>
      </c>
      <c r="H133" s="295">
        <v>4.2017084673814313E-2</v>
      </c>
      <c r="I133" s="74">
        <v>555</v>
      </c>
      <c r="J133" s="75">
        <v>72.010000000000005</v>
      </c>
      <c r="K133" s="76">
        <v>1.8228</v>
      </c>
      <c r="L133" s="294">
        <v>0.19</v>
      </c>
      <c r="M133" s="295">
        <v>3.3332540622163197E-2</v>
      </c>
      <c r="N133" s="294">
        <v>0.56100000000000005</v>
      </c>
      <c r="O133" s="295">
        <v>4.1984072430064405E-2</v>
      </c>
      <c r="P133" s="74">
        <v>556</v>
      </c>
      <c r="Q133" s="75">
        <v>73.39</v>
      </c>
      <c r="R133" s="76">
        <v>1.7836000000000001</v>
      </c>
      <c r="S133" s="294">
        <v>0.17100000000000001</v>
      </c>
      <c r="T133" s="321">
        <v>3.1993278032826117E-2</v>
      </c>
      <c r="U133" s="294">
        <v>0.59099999999999997</v>
      </c>
      <c r="V133" s="295">
        <v>4.1562077280342266E-2</v>
      </c>
    </row>
    <row r="134" spans="1:22" s="5" customFormat="1">
      <c r="A134" s="53" t="s">
        <v>430</v>
      </c>
      <c r="B134" s="54">
        <v>1481</v>
      </c>
      <c r="C134" s="55">
        <v>75.400000000000006</v>
      </c>
      <c r="D134" s="56">
        <v>1.0976000000000001</v>
      </c>
      <c r="E134" s="290">
        <v>0.16300000000000001</v>
      </c>
      <c r="F134" s="297">
        <v>1.9212930237063996E-2</v>
      </c>
      <c r="G134" s="290">
        <v>0.60199999999999998</v>
      </c>
      <c r="H134" s="297">
        <v>2.5407227318155503E-2</v>
      </c>
      <c r="I134" s="54">
        <v>1473</v>
      </c>
      <c r="J134" s="55">
        <v>76.02</v>
      </c>
      <c r="K134" s="56">
        <v>1.1172</v>
      </c>
      <c r="L134" s="290">
        <v>0.156</v>
      </c>
      <c r="M134" s="297">
        <v>1.8928943521327936E-2</v>
      </c>
      <c r="N134" s="290">
        <v>0.63</v>
      </c>
      <c r="O134" s="297">
        <v>2.5130204629031077E-2</v>
      </c>
      <c r="P134" s="54">
        <v>1476</v>
      </c>
      <c r="Q134" s="55">
        <v>77.52</v>
      </c>
      <c r="R134" s="56">
        <v>1.0584</v>
      </c>
      <c r="S134" s="290">
        <v>0.13200000000000001</v>
      </c>
      <c r="T134" s="320">
        <v>1.765334608839907E-2</v>
      </c>
      <c r="U134" s="290">
        <v>0.63400000000000001</v>
      </c>
      <c r="V134" s="297">
        <v>2.5048111991106115E-2</v>
      </c>
    </row>
    <row r="135" spans="1:22" s="5" customFormat="1">
      <c r="A135" s="49" t="s">
        <v>431</v>
      </c>
      <c r="B135" s="74">
        <v>215</v>
      </c>
      <c r="C135" s="75">
        <v>73.52</v>
      </c>
      <c r="D135" s="76">
        <v>3.0771999999999999</v>
      </c>
      <c r="E135" s="294">
        <v>0.192</v>
      </c>
      <c r="F135" s="295">
        <v>5.3816821825940449E-2</v>
      </c>
      <c r="G135" s="294">
        <v>0.57099999999999995</v>
      </c>
      <c r="H135" s="295">
        <v>6.6913897433594119E-2</v>
      </c>
      <c r="I135" s="74">
        <v>215</v>
      </c>
      <c r="J135" s="75">
        <v>74.42</v>
      </c>
      <c r="K135" s="76">
        <v>2.9792000000000001</v>
      </c>
      <c r="L135" s="294">
        <v>0.19700000000000001</v>
      </c>
      <c r="M135" s="295">
        <v>5.4314175775935274E-2</v>
      </c>
      <c r="N135" s="294">
        <v>0.59199999999999997</v>
      </c>
      <c r="O135" s="295">
        <v>6.6462110411210876E-2</v>
      </c>
      <c r="P135" s="74">
        <v>215</v>
      </c>
      <c r="Q135" s="75">
        <v>74.67</v>
      </c>
      <c r="R135" s="76">
        <v>2.9792000000000001</v>
      </c>
      <c r="S135" s="294">
        <v>0.185</v>
      </c>
      <c r="T135" s="321">
        <v>5.3098780290054173E-2</v>
      </c>
      <c r="U135" s="294">
        <v>0.59899999999999998</v>
      </c>
      <c r="V135" s="295">
        <v>6.6284809273835538E-2</v>
      </c>
    </row>
    <row r="136" spans="1:22" s="5" customFormat="1">
      <c r="A136" s="53" t="s">
        <v>432</v>
      </c>
      <c r="B136" s="54">
        <v>517</v>
      </c>
      <c r="C136" s="55">
        <v>68.47</v>
      </c>
      <c r="D136" s="56">
        <v>2.0384000000000002</v>
      </c>
      <c r="E136" s="290">
        <v>0.24399999999999999</v>
      </c>
      <c r="F136" s="297">
        <v>3.7734952811248543E-2</v>
      </c>
      <c r="G136" s="290">
        <v>0.46600000000000003</v>
      </c>
      <c r="H136" s="297">
        <v>4.371094043313864E-2</v>
      </c>
      <c r="I136" s="54">
        <v>510</v>
      </c>
      <c r="J136" s="55">
        <v>69.849999999999994</v>
      </c>
      <c r="K136" s="56">
        <v>2.0188000000000001</v>
      </c>
      <c r="L136" s="290">
        <v>0.20599999999999999</v>
      </c>
      <c r="M136" s="297">
        <v>3.5823179324528817E-2</v>
      </c>
      <c r="N136" s="290">
        <v>0.51400000000000001</v>
      </c>
      <c r="O136" s="297">
        <v>4.4091083538254014E-2</v>
      </c>
      <c r="P136" s="54">
        <v>511</v>
      </c>
      <c r="Q136" s="55">
        <v>71.319999999999993</v>
      </c>
      <c r="R136" s="56">
        <v>1.96</v>
      </c>
      <c r="S136" s="290">
        <v>0.19800000000000001</v>
      </c>
      <c r="T136" s="320">
        <v>3.5275036876526764E-2</v>
      </c>
      <c r="U136" s="290">
        <v>0.51700000000000002</v>
      </c>
      <c r="V136" s="297">
        <v>4.4040182171711649E-2</v>
      </c>
    </row>
    <row r="137" spans="1:22" s="5" customFormat="1">
      <c r="A137" s="49" t="s">
        <v>433</v>
      </c>
      <c r="B137" s="74">
        <v>660</v>
      </c>
      <c r="C137" s="75">
        <v>76.55</v>
      </c>
      <c r="D137" s="76">
        <v>1.6856</v>
      </c>
      <c r="E137" s="294">
        <v>0.156</v>
      </c>
      <c r="F137" s="295">
        <v>2.8314652062672124E-2</v>
      </c>
      <c r="G137" s="294">
        <v>0.61899999999999999</v>
      </c>
      <c r="H137" s="295">
        <v>3.7705988511530876E-2</v>
      </c>
      <c r="I137" s="74">
        <v>653</v>
      </c>
      <c r="J137" s="75">
        <v>77</v>
      </c>
      <c r="K137" s="76">
        <v>1.7247999999999999</v>
      </c>
      <c r="L137" s="294">
        <v>0.156</v>
      </c>
      <c r="M137" s="295">
        <v>2.8466706130651984E-2</v>
      </c>
      <c r="N137" s="294">
        <v>0.64300000000000002</v>
      </c>
      <c r="O137" s="295">
        <v>3.7404306354905222E-2</v>
      </c>
      <c r="P137" s="74">
        <v>655</v>
      </c>
      <c r="Q137" s="75">
        <v>78.459999999999994</v>
      </c>
      <c r="R137" s="76">
        <v>1.6072</v>
      </c>
      <c r="S137" s="294">
        <v>0.124</v>
      </c>
      <c r="T137" s="321">
        <v>2.5878793025812079E-2</v>
      </c>
      <c r="U137" s="294">
        <v>0.65</v>
      </c>
      <c r="V137" s="295">
        <v>3.718242867979922E-2</v>
      </c>
    </row>
    <row r="138" spans="1:22" s="5" customFormat="1">
      <c r="A138" s="45" t="s">
        <v>434</v>
      </c>
      <c r="B138" s="71">
        <v>914</v>
      </c>
      <c r="C138" s="72">
        <v>78.88</v>
      </c>
      <c r="D138" s="73">
        <v>1.3132000000000001</v>
      </c>
      <c r="E138" s="291">
        <v>0.107</v>
      </c>
      <c r="F138" s="292">
        <v>2.0547413516376532E-2</v>
      </c>
      <c r="G138" s="291">
        <v>0.70099999999999996</v>
      </c>
      <c r="H138" s="292">
        <v>3.0245928181704705E-2</v>
      </c>
      <c r="I138" s="71">
        <v>912</v>
      </c>
      <c r="J138" s="72">
        <v>79.55</v>
      </c>
      <c r="K138" s="73">
        <v>1.3132000000000001</v>
      </c>
      <c r="L138" s="291">
        <v>0.114</v>
      </c>
      <c r="M138" s="292">
        <v>2.1136118830132732E-2</v>
      </c>
      <c r="N138" s="291">
        <v>0.71399999999999997</v>
      </c>
      <c r="O138" s="292">
        <v>2.9890856175077741E-2</v>
      </c>
      <c r="P138" s="71">
        <v>915</v>
      </c>
      <c r="Q138" s="72">
        <v>81.59</v>
      </c>
      <c r="R138" s="73">
        <v>1.2347999999999999</v>
      </c>
      <c r="S138" s="291">
        <v>7.5999999999999998E-2</v>
      </c>
      <c r="T138" s="320">
        <v>1.7676277089483008E-2</v>
      </c>
      <c r="U138" s="291">
        <v>0.745</v>
      </c>
      <c r="V138" s="292">
        <v>2.8794902472063271E-2</v>
      </c>
    </row>
    <row r="139" spans="1:22" s="5" customFormat="1">
      <c r="A139" s="49" t="s">
        <v>435</v>
      </c>
      <c r="B139" s="74">
        <v>675</v>
      </c>
      <c r="C139" s="75">
        <v>73.25</v>
      </c>
      <c r="D139" s="76">
        <v>1.6856</v>
      </c>
      <c r="E139" s="294">
        <v>0.19700000000000001</v>
      </c>
      <c r="F139" s="295">
        <v>3.0631018043338318E-2</v>
      </c>
      <c r="G139" s="294">
        <v>0.58499999999999996</v>
      </c>
      <c r="H139" s="295">
        <v>3.7824482214166635E-2</v>
      </c>
      <c r="I139" s="74">
        <v>671</v>
      </c>
      <c r="J139" s="75">
        <v>74.78</v>
      </c>
      <c r="K139" s="76">
        <v>1.6856</v>
      </c>
      <c r="L139" s="294">
        <v>0.191</v>
      </c>
      <c r="M139" s="295">
        <v>3.0370285058115648E-2</v>
      </c>
      <c r="N139" s="294">
        <v>0.60099999999999998</v>
      </c>
      <c r="O139" s="295">
        <v>3.7706039796480489E-2</v>
      </c>
      <c r="P139" s="74">
        <v>675</v>
      </c>
      <c r="Q139" s="75">
        <v>76.2</v>
      </c>
      <c r="R139" s="76">
        <v>1.5680000000000001</v>
      </c>
      <c r="S139" s="294">
        <v>0.154</v>
      </c>
      <c r="T139" s="321">
        <v>2.7853006031078747E-2</v>
      </c>
      <c r="U139" s="294">
        <v>0.60399999999999998</v>
      </c>
      <c r="V139" s="295">
        <v>3.7547108092190244E-2</v>
      </c>
    </row>
    <row r="140" spans="1:22" s="5" customFormat="1">
      <c r="A140" s="53" t="s">
        <v>436</v>
      </c>
      <c r="B140" s="54">
        <v>124</v>
      </c>
      <c r="C140" s="55">
        <v>69.62</v>
      </c>
      <c r="D140" s="56">
        <v>4.0964</v>
      </c>
      <c r="E140" s="290">
        <v>0.249</v>
      </c>
      <c r="F140" s="297">
        <v>7.7232408613130465E-2</v>
      </c>
      <c r="G140" s="290">
        <v>0.56200000000000006</v>
      </c>
      <c r="H140" s="297">
        <v>8.774830769268252E-2</v>
      </c>
      <c r="I140" s="54">
        <v>122</v>
      </c>
      <c r="J140" s="55">
        <v>69.48</v>
      </c>
      <c r="K140" s="56">
        <v>3.92</v>
      </c>
      <c r="L140" s="290">
        <v>0.24399999999999999</v>
      </c>
      <c r="M140" s="297">
        <v>7.7369237970856167E-2</v>
      </c>
      <c r="N140" s="290">
        <v>0.56399999999999995</v>
      </c>
      <c r="O140" s="297">
        <v>8.8400232618405072E-2</v>
      </c>
      <c r="P140" s="54">
        <v>124</v>
      </c>
      <c r="Q140" s="55">
        <v>70.63</v>
      </c>
      <c r="R140" s="56">
        <v>3.5476000000000001</v>
      </c>
      <c r="S140" s="290">
        <v>0.22500000000000001</v>
      </c>
      <c r="T140" s="320">
        <v>7.4797165295746981E-2</v>
      </c>
      <c r="U140" s="290">
        <v>0.52500000000000002</v>
      </c>
      <c r="V140" s="297">
        <v>8.8284598768067532E-2</v>
      </c>
    </row>
    <row r="141" spans="1:22" s="5" customFormat="1">
      <c r="A141" s="49" t="s">
        <v>437</v>
      </c>
      <c r="B141" s="74">
        <v>136</v>
      </c>
      <c r="C141" s="75">
        <v>70.55</v>
      </c>
      <c r="D141" s="76">
        <v>4.0768000000000004</v>
      </c>
      <c r="E141" s="294">
        <v>0.19600000000000001</v>
      </c>
      <c r="F141" s="295">
        <v>6.8199177341720651E-2</v>
      </c>
      <c r="G141" s="294">
        <v>0.499</v>
      </c>
      <c r="H141" s="295">
        <v>8.4515265962771591E-2</v>
      </c>
      <c r="I141" s="74">
        <v>136</v>
      </c>
      <c r="J141" s="75">
        <v>71.22</v>
      </c>
      <c r="K141" s="76">
        <v>4.1355999999999993</v>
      </c>
      <c r="L141" s="294">
        <v>0.20699999999999999</v>
      </c>
      <c r="M141" s="295">
        <v>6.9485163128856012E-2</v>
      </c>
      <c r="N141" s="294">
        <v>0.57299999999999995</v>
      </c>
      <c r="O141" s="295">
        <v>8.3661078863579541E-2</v>
      </c>
      <c r="P141" s="74">
        <v>136</v>
      </c>
      <c r="Q141" s="75">
        <v>73.069999999999993</v>
      </c>
      <c r="R141" s="76">
        <v>3.9592000000000001</v>
      </c>
      <c r="S141" s="294">
        <v>0.157</v>
      </c>
      <c r="T141" s="321">
        <v>6.3014229685501535E-2</v>
      </c>
      <c r="U141" s="294">
        <v>0.60499999999999998</v>
      </c>
      <c r="V141" s="295">
        <v>8.2738141144214739E-2</v>
      </c>
    </row>
    <row r="142" spans="1:22" s="5" customFormat="1">
      <c r="A142" s="57" t="s">
        <v>438</v>
      </c>
      <c r="B142" s="71">
        <v>231</v>
      </c>
      <c r="C142" s="72">
        <v>72.819999999999993</v>
      </c>
      <c r="D142" s="73">
        <v>2.9596</v>
      </c>
      <c r="E142" s="291">
        <v>0.16500000000000001</v>
      </c>
      <c r="F142" s="292">
        <v>4.9087487901304808E-2</v>
      </c>
      <c r="G142" s="291">
        <v>0.54</v>
      </c>
      <c r="H142" s="292">
        <v>6.5030795261732471E-2</v>
      </c>
      <c r="I142" s="71">
        <v>228</v>
      </c>
      <c r="J142" s="72">
        <v>74.260000000000005</v>
      </c>
      <c r="K142" s="73">
        <v>2.94</v>
      </c>
      <c r="L142" s="291">
        <v>0.13200000000000001</v>
      </c>
      <c r="M142" s="292">
        <v>4.5335062221874139E-2</v>
      </c>
      <c r="N142" s="291">
        <v>0.56399999999999995</v>
      </c>
      <c r="O142" s="292">
        <v>6.5131699970562673E-2</v>
      </c>
      <c r="P142" s="71">
        <v>226</v>
      </c>
      <c r="Q142" s="72">
        <v>75.37</v>
      </c>
      <c r="R142" s="73">
        <v>2.9007999999999998</v>
      </c>
      <c r="S142" s="291">
        <v>0.16500000000000001</v>
      </c>
      <c r="T142" s="320">
        <v>4.9632481470284831E-2</v>
      </c>
      <c r="U142" s="291">
        <v>0.65100000000000002</v>
      </c>
      <c r="V142" s="292">
        <v>6.2967925848857687E-2</v>
      </c>
    </row>
    <row r="143" spans="1:22" s="5" customFormat="1">
      <c r="A143" s="49" t="s">
        <v>439</v>
      </c>
      <c r="B143" s="74">
        <v>378</v>
      </c>
      <c r="C143" s="75">
        <v>77.22</v>
      </c>
      <c r="D143" s="76">
        <v>2.0188000000000001</v>
      </c>
      <c r="E143" s="294">
        <v>0.11799999999999999</v>
      </c>
      <c r="F143" s="295">
        <v>3.3490797360669143E-2</v>
      </c>
      <c r="G143" s="294">
        <v>0.627</v>
      </c>
      <c r="H143" s="295">
        <v>4.952200966311017E-2</v>
      </c>
      <c r="I143" s="74">
        <v>378</v>
      </c>
      <c r="J143" s="75">
        <v>77.62</v>
      </c>
      <c r="K143" s="76">
        <v>2.0972</v>
      </c>
      <c r="L143" s="294">
        <v>0.12</v>
      </c>
      <c r="M143" s="295">
        <v>3.3723273438634661E-2</v>
      </c>
      <c r="N143" s="294">
        <v>0.68899999999999995</v>
      </c>
      <c r="O143" s="295">
        <v>4.7450516203359286E-2</v>
      </c>
      <c r="P143" s="74">
        <v>378</v>
      </c>
      <c r="Q143" s="75">
        <v>78.400000000000006</v>
      </c>
      <c r="R143" s="76">
        <v>1.9992000000000001</v>
      </c>
      <c r="S143" s="294">
        <v>9.4E-2</v>
      </c>
      <c r="T143" s="321">
        <v>3.0458621695680876E-2</v>
      </c>
      <c r="U143" s="294">
        <v>0.69</v>
      </c>
      <c r="V143" s="295">
        <v>4.7409551550236635E-2</v>
      </c>
    </row>
    <row r="144" spans="1:22" s="5" customFormat="1">
      <c r="A144" s="57" t="s">
        <v>440</v>
      </c>
      <c r="B144" s="71">
        <v>388</v>
      </c>
      <c r="C144" s="72">
        <v>77.849999999999994</v>
      </c>
      <c r="D144" s="73">
        <v>2.0384000000000002</v>
      </c>
      <c r="E144" s="291">
        <v>0.14199999999999999</v>
      </c>
      <c r="F144" s="292">
        <v>3.5633944917907959E-2</v>
      </c>
      <c r="G144" s="291">
        <v>0.622</v>
      </c>
      <c r="H144" s="292">
        <v>4.901251457547702E-2</v>
      </c>
      <c r="I144" s="71">
        <v>385</v>
      </c>
      <c r="J144" s="72">
        <v>77.760000000000005</v>
      </c>
      <c r="K144" s="73">
        <v>2.0972</v>
      </c>
      <c r="L144" s="291">
        <v>0.127</v>
      </c>
      <c r="M144" s="292">
        <v>3.4195499321798634E-2</v>
      </c>
      <c r="N144" s="291">
        <v>0.63100000000000001</v>
      </c>
      <c r="O144" s="292">
        <v>4.8967762431669164E-2</v>
      </c>
      <c r="P144" s="71">
        <v>385</v>
      </c>
      <c r="Q144" s="72">
        <v>78.459999999999994</v>
      </c>
      <c r="R144" s="73">
        <v>1.9992000000000001</v>
      </c>
      <c r="S144" s="291">
        <v>0.113</v>
      </c>
      <c r="T144" s="320">
        <v>3.2590825646739124E-2</v>
      </c>
      <c r="U144" s="291">
        <v>0.61</v>
      </c>
      <c r="V144" s="292">
        <v>4.948553462012896E-2</v>
      </c>
    </row>
    <row r="145" spans="1:22" s="5" customFormat="1">
      <c r="A145" s="49" t="s">
        <v>441</v>
      </c>
      <c r="B145" s="74">
        <v>268</v>
      </c>
      <c r="C145" s="75">
        <v>71.86</v>
      </c>
      <c r="D145" s="76">
        <v>2.8028</v>
      </c>
      <c r="E145" s="294">
        <v>0.23899999999999999</v>
      </c>
      <c r="F145" s="295">
        <v>5.1999409891074211E-2</v>
      </c>
      <c r="G145" s="294">
        <v>0.57999999999999996</v>
      </c>
      <c r="H145" s="295">
        <v>5.9875710877650624E-2</v>
      </c>
      <c r="I145" s="74">
        <v>265</v>
      </c>
      <c r="J145" s="75">
        <v>73.19</v>
      </c>
      <c r="K145" s="76">
        <v>2.6656</v>
      </c>
      <c r="L145" s="294">
        <v>0.22800000000000001</v>
      </c>
      <c r="M145" s="295">
        <v>5.1476332135469247E-2</v>
      </c>
      <c r="N145" s="294">
        <v>0.60199999999999998</v>
      </c>
      <c r="O145" s="295">
        <v>5.9727150635441914E-2</v>
      </c>
      <c r="P145" s="74">
        <v>266</v>
      </c>
      <c r="Q145" s="75">
        <v>77.25</v>
      </c>
      <c r="R145" s="76">
        <v>2.548</v>
      </c>
      <c r="S145" s="294">
        <v>0.17799999999999999</v>
      </c>
      <c r="T145" s="295">
        <v>4.7040622647215757E-2</v>
      </c>
      <c r="U145" s="294">
        <v>0.64</v>
      </c>
      <c r="V145" s="295">
        <v>5.8496779139884145E-2</v>
      </c>
    </row>
    <row r="146" spans="1:22" s="5" customFormat="1">
      <c r="A146" s="57" t="s">
        <v>442</v>
      </c>
      <c r="B146" s="71">
        <v>711</v>
      </c>
      <c r="C146" s="72">
        <v>75.31</v>
      </c>
      <c r="D146" s="73">
        <v>1.6659999999999999</v>
      </c>
      <c r="E146" s="291">
        <v>0.17299999999999999</v>
      </c>
      <c r="F146" s="292">
        <v>2.8409006923438791E-2</v>
      </c>
      <c r="G146" s="291">
        <v>0.60299999999999998</v>
      </c>
      <c r="H146" s="292">
        <v>3.6604816073830329E-2</v>
      </c>
      <c r="I146" s="71">
        <v>705</v>
      </c>
      <c r="J146" s="72">
        <v>75.650000000000006</v>
      </c>
      <c r="K146" s="73">
        <v>1.6463999999999999</v>
      </c>
      <c r="L146" s="291">
        <v>0.16200000000000001</v>
      </c>
      <c r="M146" s="292">
        <v>2.7805635659974657E-2</v>
      </c>
      <c r="N146" s="291">
        <v>0.60899999999999999</v>
      </c>
      <c r="O146" s="292">
        <v>3.6662812377385286E-2</v>
      </c>
      <c r="P146" s="71">
        <v>706</v>
      </c>
      <c r="Q146" s="72">
        <v>76.709999999999994</v>
      </c>
      <c r="R146" s="73">
        <v>1.5876000000000001</v>
      </c>
      <c r="S146" s="291">
        <v>0.156</v>
      </c>
      <c r="T146" s="292">
        <v>2.7372609670118477E-2</v>
      </c>
      <c r="U146" s="291">
        <v>0.64200000000000002</v>
      </c>
      <c r="V146" s="292">
        <v>3.6001765214938405E-2</v>
      </c>
    </row>
    <row r="147" spans="1:22" s="5" customFormat="1">
      <c r="A147" s="49" t="s">
        <v>443</v>
      </c>
      <c r="B147" s="74">
        <v>940</v>
      </c>
      <c r="C147" s="75">
        <v>74.22</v>
      </c>
      <c r="D147" s="76">
        <v>1.3719999999999999</v>
      </c>
      <c r="E147" s="294">
        <v>0.17499999999999999</v>
      </c>
      <c r="F147" s="295">
        <v>2.4810146115379059E-2</v>
      </c>
      <c r="G147" s="294">
        <v>0.58099999999999996</v>
      </c>
      <c r="H147" s="295">
        <v>3.212096336801664E-2</v>
      </c>
      <c r="I147" s="74">
        <v>935</v>
      </c>
      <c r="J147" s="75">
        <v>75.099999999999994</v>
      </c>
      <c r="K147" s="76">
        <v>1.3915999999999999</v>
      </c>
      <c r="L147" s="294">
        <v>0.156</v>
      </c>
      <c r="M147" s="295">
        <v>2.3772980256687049E-2</v>
      </c>
      <c r="N147" s="294">
        <v>0.6</v>
      </c>
      <c r="O147" s="295">
        <v>3.1980093352591991E-2</v>
      </c>
      <c r="P147" s="74">
        <v>938</v>
      </c>
      <c r="Q147" s="75">
        <v>76.19</v>
      </c>
      <c r="R147" s="76">
        <v>1.3132000000000001</v>
      </c>
      <c r="S147" s="294">
        <v>0.14199999999999999</v>
      </c>
      <c r="T147" s="295">
        <v>2.2846495101372381E-2</v>
      </c>
      <c r="U147" s="294">
        <v>0.625</v>
      </c>
      <c r="V147" s="295">
        <v>3.1556064397251789E-2</v>
      </c>
    </row>
    <row r="148" spans="1:22" s="5" customFormat="1">
      <c r="A148" s="57" t="s">
        <v>444</v>
      </c>
      <c r="B148" s="71">
        <v>258</v>
      </c>
      <c r="C148" s="72">
        <v>72.260000000000005</v>
      </c>
      <c r="D148" s="73">
        <v>2.94</v>
      </c>
      <c r="E148" s="291">
        <v>0.17699999999999999</v>
      </c>
      <c r="F148" s="292">
        <v>4.7668111610184638E-2</v>
      </c>
      <c r="G148" s="291">
        <v>0.57299999999999995</v>
      </c>
      <c r="H148" s="292">
        <v>6.1138370835130684E-2</v>
      </c>
      <c r="I148" s="71">
        <v>256</v>
      </c>
      <c r="J148" s="72">
        <v>74.14</v>
      </c>
      <c r="K148" s="73">
        <v>2.9007999999999998</v>
      </c>
      <c r="L148" s="291">
        <v>0.191</v>
      </c>
      <c r="M148" s="292">
        <v>4.9214487840288298E-2</v>
      </c>
      <c r="N148" s="291">
        <v>0.63600000000000001</v>
      </c>
      <c r="O148" s="292">
        <v>5.9751888279248731E-2</v>
      </c>
      <c r="P148" s="71">
        <v>257</v>
      </c>
      <c r="Q148" s="72">
        <v>76.31</v>
      </c>
      <c r="R148" s="73">
        <v>2.7439999999999998</v>
      </c>
      <c r="S148" s="291">
        <v>0.13900000000000001</v>
      </c>
      <c r="T148" s="292">
        <v>4.3530568659778557E-2</v>
      </c>
      <c r="U148" s="291">
        <v>0.63800000000000001</v>
      </c>
      <c r="V148" s="292">
        <v>5.9568724746367735E-2</v>
      </c>
    </row>
    <row r="149" spans="1:22" s="5" customFormat="1">
      <c r="A149" s="49" t="s">
        <v>445</v>
      </c>
      <c r="B149" s="74">
        <v>180</v>
      </c>
      <c r="C149" s="75">
        <v>76.459999999999994</v>
      </c>
      <c r="D149" s="76">
        <v>2.7831999999999999</v>
      </c>
      <c r="E149" s="294">
        <v>0.13700000000000001</v>
      </c>
      <c r="F149" s="295">
        <v>5.1898273044949012E-2</v>
      </c>
      <c r="G149" s="294">
        <v>0.57399999999999995</v>
      </c>
      <c r="H149" s="295">
        <v>7.2944216186787508E-2</v>
      </c>
      <c r="I149" s="74">
        <v>178</v>
      </c>
      <c r="J149" s="75">
        <v>77.849999999999994</v>
      </c>
      <c r="K149" s="76">
        <v>2.9007999999999998</v>
      </c>
      <c r="L149" s="294">
        <v>0.12</v>
      </c>
      <c r="M149" s="295">
        <v>4.9586754416495418E-2</v>
      </c>
      <c r="N149" s="294">
        <v>0.629</v>
      </c>
      <c r="O149" s="295">
        <v>7.1726347231718515E-2</v>
      </c>
      <c r="P149" s="74">
        <v>178</v>
      </c>
      <c r="Q149" s="75">
        <v>79.86</v>
      </c>
      <c r="R149" s="76">
        <v>2.5284</v>
      </c>
      <c r="S149" s="294">
        <v>0.06</v>
      </c>
      <c r="T149" s="295">
        <v>3.7743022012504818E-2</v>
      </c>
      <c r="U149" s="294">
        <v>0.59699999999999998</v>
      </c>
      <c r="V149" s="295">
        <v>7.2778459190248113E-2</v>
      </c>
    </row>
    <row r="150" spans="1:22" s="5" customFormat="1">
      <c r="A150" s="57" t="s">
        <v>446</v>
      </c>
      <c r="B150" s="71">
        <v>154</v>
      </c>
      <c r="C150" s="72">
        <v>72.849999999999994</v>
      </c>
      <c r="D150" s="73">
        <v>3.7239999999999998</v>
      </c>
      <c r="E150" s="291">
        <v>0.22800000000000001</v>
      </c>
      <c r="F150" s="292">
        <v>6.745173750930876E-2</v>
      </c>
      <c r="G150" s="291">
        <v>0.61299999999999999</v>
      </c>
      <c r="H150" s="292">
        <v>7.7601603092649366E-2</v>
      </c>
      <c r="I150" s="71">
        <v>154</v>
      </c>
      <c r="J150" s="72">
        <v>73.31</v>
      </c>
      <c r="K150" s="73">
        <v>3.6652</v>
      </c>
      <c r="L150" s="291">
        <v>0.21199999999999999</v>
      </c>
      <c r="M150" s="292">
        <v>6.5834955797343372E-2</v>
      </c>
      <c r="N150" s="291">
        <v>0.63</v>
      </c>
      <c r="O150" s="292">
        <v>7.6958786373794733E-2</v>
      </c>
      <c r="P150" s="71">
        <v>154</v>
      </c>
      <c r="Q150" s="72">
        <v>74.39</v>
      </c>
      <c r="R150" s="73">
        <v>3.5476000000000001</v>
      </c>
      <c r="S150" s="291">
        <v>0.20499999999999999</v>
      </c>
      <c r="T150" s="292">
        <v>6.5085251356994819E-2</v>
      </c>
      <c r="U150" s="291">
        <v>0.628</v>
      </c>
      <c r="V150" s="292">
        <v>7.7039373253984134E-2</v>
      </c>
    </row>
    <row r="151" spans="1:22">
      <c r="A151" s="49" t="s">
        <v>447</v>
      </c>
      <c r="B151" s="74">
        <v>76</v>
      </c>
      <c r="C151" s="75">
        <v>73.67</v>
      </c>
      <c r="D151" s="76">
        <v>4.8412000000000006</v>
      </c>
      <c r="E151" s="294">
        <v>0.154</v>
      </c>
      <c r="F151" s="295">
        <v>8.4248534111876397E-2</v>
      </c>
      <c r="G151" s="294">
        <v>0.56499999999999995</v>
      </c>
      <c r="H151" s="295">
        <v>0.11094749602852694</v>
      </c>
      <c r="I151" s="74">
        <v>75</v>
      </c>
      <c r="J151" s="75">
        <v>73.16</v>
      </c>
      <c r="K151" s="76">
        <v>4.9000000000000004</v>
      </c>
      <c r="L151" s="294">
        <v>0.13400000000000001</v>
      </c>
      <c r="M151" s="295">
        <v>8.0901797845631299E-2</v>
      </c>
      <c r="N151" s="294">
        <v>0.57199999999999995</v>
      </c>
      <c r="O151" s="295">
        <v>0.11145247539089245</v>
      </c>
      <c r="P151" s="74">
        <v>76</v>
      </c>
      <c r="Q151" s="75">
        <v>74.84</v>
      </c>
      <c r="R151" s="76">
        <v>4.9195999999999991</v>
      </c>
      <c r="S151" s="294">
        <v>0.14499999999999999</v>
      </c>
      <c r="T151" s="295">
        <v>8.2541637220253872E-2</v>
      </c>
      <c r="U151" s="294">
        <v>0.58099999999999996</v>
      </c>
      <c r="V151" s="295">
        <v>0.11047142107803266</v>
      </c>
    </row>
  </sheetData>
  <mergeCells count="23">
    <mergeCell ref="P125:V125"/>
    <mergeCell ref="A5:H5"/>
    <mergeCell ref="A35:H35"/>
    <mergeCell ref="B65:H65"/>
    <mergeCell ref="I65:O65"/>
    <mergeCell ref="P65:V65"/>
    <mergeCell ref="A94:H94"/>
    <mergeCell ref="A93:H93"/>
    <mergeCell ref="A124:V124"/>
    <mergeCell ref="A123:V123"/>
    <mergeCell ref="I125:O125"/>
    <mergeCell ref="A95:H95"/>
    <mergeCell ref="B125:H125"/>
    <mergeCell ref="AR65:AX65"/>
    <mergeCell ref="A4:H4"/>
    <mergeCell ref="A3:H3"/>
    <mergeCell ref="A34:H34"/>
    <mergeCell ref="A33:H33"/>
    <mergeCell ref="A63:AX63"/>
    <mergeCell ref="A64:AX64"/>
    <mergeCell ref="W65:AC65"/>
    <mergeCell ref="AD65:AJ65"/>
    <mergeCell ref="AK65:AQ65"/>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S91"/>
  <sheetViews>
    <sheetView topLeftCell="A50" zoomScale="90" zoomScaleNormal="90" workbookViewId="0">
      <selection activeCell="A64" sqref="A64:W64"/>
    </sheetView>
  </sheetViews>
  <sheetFormatPr defaultColWidth="18" defaultRowHeight="15"/>
  <cols>
    <col min="1" max="1" width="49.28515625" style="5" customWidth="1"/>
    <col min="2" max="4" width="19.42578125" style="5" customWidth="1"/>
    <col min="5" max="8" width="18" style="5"/>
    <col min="9" max="9" width="19.85546875" style="5" customWidth="1"/>
    <col min="10" max="16384" width="18" style="5"/>
  </cols>
  <sheetData>
    <row r="1" spans="1:43" ht="28.5">
      <c r="A1" s="36" t="s">
        <v>64</v>
      </c>
      <c r="P1" s="227"/>
      <c r="Q1" s="227"/>
      <c r="R1" s="227"/>
      <c r="S1" s="227"/>
      <c r="T1" s="227"/>
      <c r="U1" s="227"/>
      <c r="V1" s="227"/>
      <c r="W1" s="227"/>
      <c r="X1" s="227"/>
      <c r="Y1" s="227"/>
      <c r="Z1" s="227"/>
      <c r="AA1" s="227"/>
      <c r="AB1" s="227"/>
      <c r="AC1" s="227"/>
      <c r="AD1" s="227"/>
      <c r="AE1" s="227"/>
      <c r="AF1" s="227"/>
      <c r="AG1" s="227"/>
      <c r="AH1" s="227"/>
      <c r="AI1" s="227"/>
      <c r="AJ1" s="227"/>
      <c r="AK1" s="227"/>
    </row>
    <row r="2" spans="1:43">
      <c r="P2" s="227"/>
      <c r="Q2" s="227"/>
      <c r="R2" s="227"/>
      <c r="S2" s="227"/>
      <c r="T2" s="227"/>
      <c r="U2" s="227"/>
      <c r="V2" s="227"/>
      <c r="W2" s="227"/>
      <c r="X2" s="227"/>
      <c r="Y2" s="227"/>
      <c r="Z2" s="227"/>
      <c r="AA2" s="227"/>
      <c r="AB2" s="227"/>
      <c r="AC2" s="227"/>
      <c r="AD2" s="227"/>
      <c r="AE2" s="227"/>
      <c r="AF2" s="227"/>
      <c r="AG2" s="227"/>
      <c r="AH2" s="227"/>
      <c r="AI2" s="227"/>
      <c r="AJ2" s="227"/>
      <c r="AK2" s="227"/>
    </row>
    <row r="3" spans="1:43" ht="18.75">
      <c r="A3" s="358" t="s">
        <v>33</v>
      </c>
      <c r="B3" s="358"/>
      <c r="C3" s="358"/>
      <c r="D3" s="358"/>
      <c r="E3" s="358"/>
      <c r="F3" s="358"/>
      <c r="G3" s="358"/>
      <c r="H3" s="358"/>
      <c r="I3" s="358"/>
      <c r="J3" s="358"/>
      <c r="K3" s="358"/>
      <c r="L3" s="358"/>
      <c r="M3" s="358"/>
      <c r="N3" s="358"/>
      <c r="O3" s="358"/>
      <c r="P3" s="358"/>
      <c r="Q3" s="358"/>
      <c r="R3" s="358"/>
      <c r="S3" s="358"/>
      <c r="T3" s="358"/>
      <c r="U3" s="358"/>
      <c r="V3" s="358"/>
      <c r="W3" s="358"/>
      <c r="X3" s="266"/>
      <c r="Y3" s="266"/>
      <c r="Z3" s="266"/>
      <c r="AA3" s="266"/>
      <c r="AB3" s="266"/>
      <c r="AC3" s="266"/>
      <c r="AD3" s="266"/>
      <c r="AE3" s="266"/>
      <c r="AF3" s="266"/>
      <c r="AG3" s="266"/>
      <c r="AH3" s="266"/>
      <c r="AI3" s="266"/>
      <c r="AJ3" s="266"/>
      <c r="AK3" s="227"/>
    </row>
    <row r="4" spans="1:43" ht="62.25" customHeight="1">
      <c r="A4" s="357" t="s">
        <v>504</v>
      </c>
      <c r="B4" s="357"/>
      <c r="C4" s="357"/>
      <c r="D4" s="357"/>
      <c r="E4" s="357"/>
      <c r="F4" s="357"/>
      <c r="G4" s="357"/>
      <c r="H4" s="357"/>
      <c r="I4" s="357"/>
      <c r="J4" s="357"/>
      <c r="K4" s="357"/>
      <c r="L4" s="357"/>
      <c r="M4" s="357"/>
      <c r="N4" s="357"/>
      <c r="O4" s="357"/>
      <c r="P4" s="357"/>
      <c r="Q4" s="357"/>
      <c r="R4" s="357"/>
      <c r="S4" s="357"/>
      <c r="T4" s="357"/>
      <c r="U4" s="357"/>
      <c r="V4" s="357"/>
      <c r="W4" s="357"/>
      <c r="X4" s="264"/>
      <c r="Y4" s="264"/>
      <c r="Z4" s="264"/>
      <c r="AA4" s="264"/>
      <c r="AB4" s="264"/>
      <c r="AC4" s="265"/>
      <c r="AD4" s="264"/>
      <c r="AE4" s="264"/>
      <c r="AF4" s="264"/>
      <c r="AG4" s="264"/>
      <c r="AH4" s="264"/>
      <c r="AI4" s="264"/>
      <c r="AJ4" s="264"/>
      <c r="AK4" s="227"/>
    </row>
    <row r="5" spans="1:43" ht="39.75" customHeight="1">
      <c r="A5" s="64"/>
      <c r="B5" s="360" t="s">
        <v>100</v>
      </c>
      <c r="C5" s="361"/>
      <c r="D5" s="361"/>
      <c r="E5" s="361"/>
      <c r="F5" s="361"/>
      <c r="G5" s="361"/>
      <c r="H5" s="361"/>
      <c r="I5" s="361"/>
      <c r="J5" s="361"/>
      <c r="K5" s="361"/>
      <c r="L5" s="362"/>
      <c r="M5" s="363" t="s">
        <v>252</v>
      </c>
      <c r="N5" s="364"/>
      <c r="O5" s="364"/>
      <c r="P5" s="364"/>
      <c r="Q5" s="364"/>
      <c r="R5" s="364"/>
      <c r="S5" s="364"/>
      <c r="T5" s="364"/>
      <c r="U5" s="364"/>
      <c r="V5" s="364"/>
      <c r="W5" s="364"/>
      <c r="X5" s="227"/>
      <c r="Y5" s="227"/>
      <c r="Z5" s="227"/>
      <c r="AA5" s="227"/>
      <c r="AB5" s="227"/>
      <c r="AC5" s="227"/>
      <c r="AD5" s="227"/>
      <c r="AE5" s="227"/>
      <c r="AF5" s="227"/>
      <c r="AG5" s="227"/>
      <c r="AH5" s="227"/>
      <c r="AI5" s="227"/>
      <c r="AJ5" s="227"/>
      <c r="AK5" s="227"/>
      <c r="AL5" s="227"/>
      <c r="AM5" s="227"/>
      <c r="AN5" s="227"/>
      <c r="AO5" s="227"/>
    </row>
    <row r="6" spans="1:43" ht="72">
      <c r="A6" s="37" t="s">
        <v>85</v>
      </c>
      <c r="B6" s="38" t="s">
        <v>86</v>
      </c>
      <c r="C6" s="39" t="s">
        <v>87</v>
      </c>
      <c r="D6" s="40" t="s">
        <v>88</v>
      </c>
      <c r="E6" s="38" t="s">
        <v>178</v>
      </c>
      <c r="F6" s="89" t="s">
        <v>101</v>
      </c>
      <c r="G6" s="38" t="s">
        <v>179</v>
      </c>
      <c r="H6" s="89" t="s">
        <v>102</v>
      </c>
      <c r="I6" s="38" t="s">
        <v>180</v>
      </c>
      <c r="J6" s="89" t="s">
        <v>103</v>
      </c>
      <c r="K6" s="38" t="s">
        <v>353</v>
      </c>
      <c r="L6" s="89" t="s">
        <v>352</v>
      </c>
      <c r="M6" s="65" t="s">
        <v>86</v>
      </c>
      <c r="N6" s="65" t="s">
        <v>87</v>
      </c>
      <c r="O6" s="65" t="s">
        <v>88</v>
      </c>
      <c r="P6" s="65" t="s">
        <v>178</v>
      </c>
      <c r="Q6" s="88" t="s">
        <v>101</v>
      </c>
      <c r="R6" s="65" t="s">
        <v>179</v>
      </c>
      <c r="S6" s="88" t="s">
        <v>102</v>
      </c>
      <c r="T6" s="65" t="s">
        <v>180</v>
      </c>
      <c r="U6" s="88" t="s">
        <v>103</v>
      </c>
      <c r="V6" s="65" t="s">
        <v>353</v>
      </c>
      <c r="W6" s="88" t="s">
        <v>352</v>
      </c>
      <c r="X6" s="227"/>
      <c r="Y6" s="227"/>
      <c r="Z6" s="227"/>
      <c r="AA6" s="227"/>
      <c r="AB6" s="227"/>
      <c r="AC6" s="227"/>
      <c r="AD6" s="227"/>
      <c r="AE6" s="227"/>
      <c r="AF6" s="227"/>
      <c r="AG6" s="227"/>
      <c r="AH6" s="227"/>
      <c r="AI6" s="227"/>
      <c r="AJ6" s="227"/>
      <c r="AK6" s="227"/>
      <c r="AL6" s="227"/>
      <c r="AM6" s="227"/>
      <c r="AN6" s="227"/>
      <c r="AO6" s="227"/>
      <c r="AP6" s="227"/>
      <c r="AQ6" s="227"/>
    </row>
    <row r="7" spans="1:43" ht="92.25" customHeight="1">
      <c r="A7" s="41"/>
      <c r="B7" s="42" t="s">
        <v>89</v>
      </c>
      <c r="C7" s="43" t="s">
        <v>354</v>
      </c>
      <c r="D7" s="44" t="s">
        <v>91</v>
      </c>
      <c r="E7" s="42" t="s">
        <v>181</v>
      </c>
      <c r="F7" s="91" t="s">
        <v>104</v>
      </c>
      <c r="G7" s="42" t="s">
        <v>182</v>
      </c>
      <c r="H7" s="91" t="s">
        <v>104</v>
      </c>
      <c r="I7" s="42" t="s">
        <v>183</v>
      </c>
      <c r="J7" s="91" t="s">
        <v>104</v>
      </c>
      <c r="K7" s="42" t="s">
        <v>353</v>
      </c>
      <c r="L7" s="91" t="s">
        <v>104</v>
      </c>
      <c r="M7" s="68" t="s">
        <v>89</v>
      </c>
      <c r="N7" s="68" t="s">
        <v>354</v>
      </c>
      <c r="O7" s="68" t="s">
        <v>91</v>
      </c>
      <c r="P7" s="68" t="s">
        <v>181</v>
      </c>
      <c r="Q7" s="90" t="s">
        <v>104</v>
      </c>
      <c r="R7" s="68" t="s">
        <v>182</v>
      </c>
      <c r="S7" s="90" t="s">
        <v>104</v>
      </c>
      <c r="T7" s="68" t="s">
        <v>183</v>
      </c>
      <c r="U7" s="90" t="s">
        <v>104</v>
      </c>
      <c r="V7" s="68" t="s">
        <v>353</v>
      </c>
      <c r="W7" s="90" t="s">
        <v>104</v>
      </c>
    </row>
    <row r="8" spans="1:43">
      <c r="A8" s="45" t="s">
        <v>424</v>
      </c>
      <c r="B8" s="99">
        <v>9381</v>
      </c>
      <c r="C8" s="100">
        <v>5.2260135235325373</v>
      </c>
      <c r="D8" s="101">
        <v>2.7253467328543442E-2</v>
      </c>
      <c r="E8" s="93">
        <v>9.8749675005076726E-2</v>
      </c>
      <c r="F8" s="94">
        <v>6.1636495798406618E-3</v>
      </c>
      <c r="G8" s="93">
        <v>0.13570839244770772</v>
      </c>
      <c r="H8" s="94">
        <v>7.0738467002636578E-3</v>
      </c>
      <c r="I8" s="93">
        <v>0.70822737345529885</v>
      </c>
      <c r="J8" s="94">
        <v>9.3855626104899399E-3</v>
      </c>
      <c r="K8" s="93">
        <v>5.7314559091932463E-2</v>
      </c>
      <c r="L8" s="94">
        <v>4.8061678848577783E-3</v>
      </c>
      <c r="M8" s="92">
        <v>9383</v>
      </c>
      <c r="N8" s="100">
        <v>5.5</v>
      </c>
      <c r="O8" s="101">
        <v>3.9199999999999999E-2</v>
      </c>
      <c r="P8" s="93">
        <v>0.104</v>
      </c>
      <c r="Q8" s="94">
        <v>6.3059192654077558E-3</v>
      </c>
      <c r="R8" s="93">
        <v>0.109</v>
      </c>
      <c r="S8" s="94">
        <v>6.4373889196710169E-3</v>
      </c>
      <c r="T8" s="93">
        <v>0.77900000000000003</v>
      </c>
      <c r="U8" s="94">
        <v>8.5667302804752245E-3</v>
      </c>
      <c r="V8" s="93">
        <v>7.0000000000000001E-3</v>
      </c>
      <c r="W8" s="94">
        <v>1.7464865332154111E-3</v>
      </c>
    </row>
    <row r="9" spans="1:43">
      <c r="A9" s="49" t="s">
        <v>425</v>
      </c>
      <c r="B9" s="103">
        <v>8740</v>
      </c>
      <c r="C9" s="104">
        <v>5.2</v>
      </c>
      <c r="D9" s="105">
        <v>2.8386114124111905E-2</v>
      </c>
      <c r="E9" s="96">
        <v>0.1</v>
      </c>
      <c r="F9" s="97">
        <v>6.4216850363211127E-3</v>
      </c>
      <c r="G9" s="96">
        <v>0.13900000000000001</v>
      </c>
      <c r="H9" s="97">
        <v>7.4028692144141386E-3</v>
      </c>
      <c r="I9" s="96">
        <v>0.70699999999999996</v>
      </c>
      <c r="J9" s="97">
        <v>9.7355282174307386E-3</v>
      </c>
      <c r="K9" s="96">
        <v>5.3999999999999999E-2</v>
      </c>
      <c r="L9" s="97">
        <v>4.8427207059158588E-3</v>
      </c>
      <c r="M9" s="95">
        <v>8741</v>
      </c>
      <c r="N9" s="104">
        <v>5.5</v>
      </c>
      <c r="O9" s="105">
        <v>3.1523138752816419E-2</v>
      </c>
      <c r="P9" s="96">
        <v>0.108</v>
      </c>
      <c r="Q9" s="97">
        <v>6.6429494981215522E-3</v>
      </c>
      <c r="R9" s="96">
        <v>0.11799999999999999</v>
      </c>
      <c r="S9" s="97">
        <v>6.904045829710815E-3</v>
      </c>
      <c r="T9" s="96">
        <v>0.76700000000000002</v>
      </c>
      <c r="U9" s="97">
        <v>9.0428419579258769E-3</v>
      </c>
      <c r="V9" s="96">
        <v>6.0000000000000001E-3</v>
      </c>
      <c r="W9" s="97">
        <v>1.6822750177737824E-3</v>
      </c>
    </row>
    <row r="10" spans="1:43">
      <c r="A10" s="53" t="s">
        <v>426</v>
      </c>
      <c r="B10" s="99">
        <v>839</v>
      </c>
      <c r="C10" s="100">
        <v>5</v>
      </c>
      <c r="D10" s="101">
        <v>9.8000000000000004E-2</v>
      </c>
      <c r="E10" s="93">
        <v>0.10299999999999999</v>
      </c>
      <c r="F10" s="94">
        <v>2.1106199053866914E-2</v>
      </c>
      <c r="G10" s="93">
        <v>0.153</v>
      </c>
      <c r="H10" s="94">
        <v>2.4906083184323583E-2</v>
      </c>
      <c r="I10" s="93">
        <v>0.61399999999999999</v>
      </c>
      <c r="J10" s="94">
        <v>3.3543374187602067E-2</v>
      </c>
      <c r="K10" s="93">
        <v>0.13</v>
      </c>
      <c r="L10" s="94">
        <v>2.3298169135657482E-2</v>
      </c>
      <c r="M10" s="92">
        <v>839</v>
      </c>
      <c r="N10" s="100">
        <v>5</v>
      </c>
      <c r="O10" s="101">
        <v>9.8000000000000004E-2</v>
      </c>
      <c r="P10" s="93">
        <v>0.10100000000000001</v>
      </c>
      <c r="Q10" s="94">
        <v>2.0928191061553039E-2</v>
      </c>
      <c r="R10" s="93">
        <v>0.11899999999999999</v>
      </c>
      <c r="S10" s="94">
        <v>2.244944737091643E-2</v>
      </c>
      <c r="T10" s="93">
        <v>0.77300000000000002</v>
      </c>
      <c r="U10" s="94">
        <v>2.8912810890447931E-2</v>
      </c>
      <c r="V10" s="93">
        <v>6.0000000000000001E-3</v>
      </c>
      <c r="W10" s="94">
        <v>6.2659095712180174E-3</v>
      </c>
    </row>
    <row r="11" spans="1:43">
      <c r="A11" s="49" t="s">
        <v>427</v>
      </c>
      <c r="B11" s="103">
        <v>6881</v>
      </c>
      <c r="C11" s="104">
        <v>5.2</v>
      </c>
      <c r="D11" s="105">
        <v>0</v>
      </c>
      <c r="E11" s="96">
        <v>9.9000000000000005E-2</v>
      </c>
      <c r="F11" s="97">
        <v>7.2062986991536819E-3</v>
      </c>
      <c r="G11" s="96">
        <v>0.13600000000000001</v>
      </c>
      <c r="H11" s="97">
        <v>8.2677737859497835E-3</v>
      </c>
      <c r="I11" s="96">
        <v>0.70799999999999996</v>
      </c>
      <c r="J11" s="97">
        <v>1.0960714314993531E-2</v>
      </c>
      <c r="K11" s="96">
        <v>5.8000000000000003E-2</v>
      </c>
      <c r="L11" s="97">
        <v>5.6456967643725474E-3</v>
      </c>
      <c r="M11" s="95">
        <v>6813</v>
      </c>
      <c r="N11" s="104">
        <v>5.5</v>
      </c>
      <c r="O11" s="105">
        <v>0</v>
      </c>
      <c r="P11" s="96">
        <v>0.105</v>
      </c>
      <c r="Q11" s="97">
        <v>7.4329647023860636E-3</v>
      </c>
      <c r="R11" s="96">
        <v>0.11</v>
      </c>
      <c r="S11" s="97">
        <v>7.5861273514346165E-3</v>
      </c>
      <c r="T11" s="96">
        <v>0.78500000000000003</v>
      </c>
      <c r="U11" s="97">
        <v>9.9542828391959437E-3</v>
      </c>
      <c r="V11" s="96">
        <v>0</v>
      </c>
      <c r="W11" s="97">
        <v>4.1484702749218223E-4</v>
      </c>
    </row>
    <row r="12" spans="1:43">
      <c r="A12" s="53" t="s">
        <v>428</v>
      </c>
      <c r="B12" s="99">
        <v>2502</v>
      </c>
      <c r="C12" s="100">
        <v>5.4</v>
      </c>
      <c r="D12" s="101">
        <v>0</v>
      </c>
      <c r="E12" s="93">
        <v>8.5999999999999993E-2</v>
      </c>
      <c r="F12" s="94">
        <v>1.1240014978640789E-2</v>
      </c>
      <c r="G12" s="93">
        <v>0.121</v>
      </c>
      <c r="H12" s="94">
        <v>1.3057499746380147E-2</v>
      </c>
      <c r="I12" s="93">
        <v>0.77800000000000002</v>
      </c>
      <c r="J12" s="94">
        <v>1.6615578406327994E-2</v>
      </c>
      <c r="K12" s="93">
        <v>1.4999999999999999E-2</v>
      </c>
      <c r="L12" s="94">
        <v>4.9780553550449113E-3</v>
      </c>
      <c r="M12" s="92">
        <v>2493</v>
      </c>
      <c r="N12" s="100">
        <v>5.5</v>
      </c>
      <c r="O12" s="101">
        <v>0</v>
      </c>
      <c r="P12" s="93">
        <v>0.113</v>
      </c>
      <c r="Q12" s="94">
        <v>1.2701587303228594E-2</v>
      </c>
      <c r="R12" s="93">
        <v>0.1</v>
      </c>
      <c r="S12" s="94">
        <v>1.2041325488033952E-2</v>
      </c>
      <c r="T12" s="93">
        <v>0.78700000000000003</v>
      </c>
      <c r="U12" s="94">
        <v>1.6399824476499243E-2</v>
      </c>
      <c r="V12" s="93">
        <v>0</v>
      </c>
      <c r="W12" s="94">
        <v>1.1322763987629361E-3</v>
      </c>
    </row>
    <row r="13" spans="1:43">
      <c r="A13" s="49" t="s">
        <v>429</v>
      </c>
      <c r="B13" s="103">
        <v>615</v>
      </c>
      <c r="C13" s="104">
        <v>5.4</v>
      </c>
      <c r="D13" s="105">
        <v>0</v>
      </c>
      <c r="E13" s="96">
        <v>8.8999999999999996E-2</v>
      </c>
      <c r="F13" s="97">
        <v>2.3194770345972081E-2</v>
      </c>
      <c r="G13" s="96">
        <v>0.128</v>
      </c>
      <c r="H13" s="97">
        <v>2.7070028974344674E-2</v>
      </c>
      <c r="I13" s="96">
        <v>0.77100000000000002</v>
      </c>
      <c r="J13" s="97">
        <v>3.3868040983775938E-2</v>
      </c>
      <c r="K13" s="96">
        <v>1.2999999999999999E-2</v>
      </c>
      <c r="L13" s="97">
        <v>1.0132015616264539E-2</v>
      </c>
      <c r="M13" s="95">
        <v>615</v>
      </c>
      <c r="N13" s="104">
        <v>5.4</v>
      </c>
      <c r="O13" s="105">
        <v>0.19600000000000001</v>
      </c>
      <c r="P13" s="96">
        <v>0.115</v>
      </c>
      <c r="Q13" s="97">
        <v>2.588460547233783E-2</v>
      </c>
      <c r="R13" s="96">
        <v>0.1</v>
      </c>
      <c r="S13" s="97">
        <v>2.4390624288978979E-2</v>
      </c>
      <c r="T13" s="96">
        <v>0.78500000000000003</v>
      </c>
      <c r="U13" s="97">
        <v>3.312690299473247E-2</v>
      </c>
      <c r="V13" s="96">
        <v>0</v>
      </c>
      <c r="W13" s="97">
        <v>4.561961354940058E-3</v>
      </c>
    </row>
    <row r="14" spans="1:43">
      <c r="A14" s="53" t="s">
        <v>430</v>
      </c>
      <c r="B14" s="99">
        <v>1586</v>
      </c>
      <c r="C14" s="100">
        <v>5.4</v>
      </c>
      <c r="D14" s="101">
        <v>0</v>
      </c>
      <c r="E14" s="93">
        <v>8.6999999999999994E-2</v>
      </c>
      <c r="F14" s="94">
        <v>1.4212062313852683E-2</v>
      </c>
      <c r="G14" s="93">
        <v>0.107</v>
      </c>
      <c r="H14" s="94">
        <v>1.5567028888905911E-2</v>
      </c>
      <c r="I14" s="93">
        <v>0.79100000000000004</v>
      </c>
      <c r="J14" s="94">
        <v>2.0419779040811197E-2</v>
      </c>
      <c r="K14" s="93">
        <v>1.4999999999999999E-2</v>
      </c>
      <c r="L14" s="94">
        <v>6.3358882577109997E-3</v>
      </c>
      <c r="M14" s="92">
        <v>1577</v>
      </c>
      <c r="N14" s="100">
        <v>5.5</v>
      </c>
      <c r="O14" s="101">
        <v>0</v>
      </c>
      <c r="P14" s="93">
        <v>0.113</v>
      </c>
      <c r="Q14" s="94">
        <v>1.5984486922297057E-2</v>
      </c>
      <c r="R14" s="93">
        <v>0.104</v>
      </c>
      <c r="S14" s="94">
        <v>1.5419620730511554E-2</v>
      </c>
      <c r="T14" s="93">
        <v>0.78300000000000003</v>
      </c>
      <c r="U14" s="94">
        <v>2.0758284494044574E-2</v>
      </c>
      <c r="V14" s="93">
        <v>0</v>
      </c>
      <c r="W14" s="94">
        <v>1.7878795364574083E-3</v>
      </c>
    </row>
    <row r="15" spans="1:43">
      <c r="A15" s="49" t="s">
        <v>431</v>
      </c>
      <c r="B15" s="103">
        <v>233</v>
      </c>
      <c r="C15" s="104">
        <v>5.2</v>
      </c>
      <c r="D15" s="105">
        <v>0.19600000000000001</v>
      </c>
      <c r="E15" s="96">
        <v>0.14599999999999999</v>
      </c>
      <c r="F15" s="97">
        <v>4.6638637593260437E-2</v>
      </c>
      <c r="G15" s="96">
        <v>0.13300000000000001</v>
      </c>
      <c r="H15" s="97">
        <v>4.4969581345592181E-2</v>
      </c>
      <c r="I15" s="96">
        <v>0.71699999999999997</v>
      </c>
      <c r="J15" s="97">
        <v>5.8747415935959259E-2</v>
      </c>
      <c r="K15" s="96">
        <v>3.0000000000000001E-3</v>
      </c>
      <c r="L15" s="97">
        <v>1.3784657821261054E-2</v>
      </c>
      <c r="M15" s="95">
        <v>232</v>
      </c>
      <c r="N15" s="104">
        <v>5.3</v>
      </c>
      <c r="O15" s="105">
        <v>0.19600000000000001</v>
      </c>
      <c r="P15" s="96">
        <v>0.126</v>
      </c>
      <c r="Q15" s="97">
        <v>4.4115675490675181E-2</v>
      </c>
      <c r="R15" s="96">
        <v>0.14399999999999999</v>
      </c>
      <c r="S15" s="97">
        <v>4.6491064872263579E-2</v>
      </c>
      <c r="T15" s="96">
        <v>0.72899999999999998</v>
      </c>
      <c r="U15" s="97">
        <v>5.8123421588640076E-2</v>
      </c>
      <c r="V15" s="96">
        <v>0</v>
      </c>
      <c r="W15" s="97">
        <v>1.193396933995366E-2</v>
      </c>
    </row>
    <row r="16" spans="1:43">
      <c r="A16" s="53" t="s">
        <v>432</v>
      </c>
      <c r="B16" s="99">
        <v>555</v>
      </c>
      <c r="C16" s="100">
        <v>5.2</v>
      </c>
      <c r="D16" s="101">
        <v>0.19600000000000001</v>
      </c>
      <c r="E16" s="93">
        <v>0.1</v>
      </c>
      <c r="F16" s="94">
        <v>2.5696955642957969E-2</v>
      </c>
      <c r="G16" s="93">
        <v>0.127</v>
      </c>
      <c r="H16" s="94">
        <v>2.8417408666186618E-2</v>
      </c>
      <c r="I16" s="93">
        <v>0.752</v>
      </c>
      <c r="J16" s="94">
        <v>3.6619356279853896E-2</v>
      </c>
      <c r="K16" s="93">
        <v>2.1000000000000001E-2</v>
      </c>
      <c r="L16" s="94">
        <v>1.3058515350174776E-2</v>
      </c>
      <c r="M16" s="92">
        <v>551</v>
      </c>
      <c r="N16" s="100">
        <v>5.3</v>
      </c>
      <c r="O16" s="101">
        <v>0.19600000000000001</v>
      </c>
      <c r="P16" s="93">
        <v>0.16300000000000001</v>
      </c>
      <c r="Q16" s="94">
        <v>3.1544292488830804E-2</v>
      </c>
      <c r="R16" s="93">
        <v>8.8999999999999996E-2</v>
      </c>
      <c r="S16" s="94">
        <v>2.4532401503938241E-2</v>
      </c>
      <c r="T16" s="93">
        <v>0.748</v>
      </c>
      <c r="U16" s="94">
        <v>3.694450178068745E-2</v>
      </c>
      <c r="V16" s="93">
        <v>0</v>
      </c>
      <c r="W16" s="94">
        <v>5.087074342586634E-3</v>
      </c>
    </row>
    <row r="17" spans="1:23">
      <c r="A17" s="49" t="s">
        <v>433</v>
      </c>
      <c r="B17" s="103">
        <v>718</v>
      </c>
      <c r="C17" s="104">
        <v>5.5</v>
      </c>
      <c r="D17" s="105">
        <v>0</v>
      </c>
      <c r="E17" s="96">
        <v>0.06</v>
      </c>
      <c r="F17" s="97">
        <v>1.8008802111365463E-2</v>
      </c>
      <c r="G17" s="96">
        <v>0.122</v>
      </c>
      <c r="H17" s="97">
        <v>2.4539505896901102E-2</v>
      </c>
      <c r="I17" s="96">
        <v>0.80700000000000005</v>
      </c>
      <c r="J17" s="97">
        <v>2.9472971553708625E-2</v>
      </c>
      <c r="K17" s="96">
        <v>1.0999999999999999E-2</v>
      </c>
      <c r="L17" s="97">
        <v>8.6550389530293519E-3</v>
      </c>
      <c r="M17" s="95">
        <v>719</v>
      </c>
      <c r="N17" s="104">
        <v>5.6</v>
      </c>
      <c r="O17" s="105">
        <v>0.19600000000000001</v>
      </c>
      <c r="P17" s="96">
        <v>8.6999999999999994E-2</v>
      </c>
      <c r="Q17" s="97">
        <v>2.1210024807855533E-2</v>
      </c>
      <c r="R17" s="96">
        <v>0.105</v>
      </c>
      <c r="S17" s="97">
        <v>2.3009606749257519E-2</v>
      </c>
      <c r="T17" s="96">
        <v>0.80800000000000005</v>
      </c>
      <c r="U17" s="97">
        <v>2.9395266615165751E-2</v>
      </c>
      <c r="V17" s="96">
        <v>0</v>
      </c>
      <c r="W17" s="97">
        <v>3.9066560786205923E-3</v>
      </c>
    </row>
    <row r="18" spans="1:23">
      <c r="A18" s="45" t="s">
        <v>434</v>
      </c>
      <c r="B18" s="99">
        <v>974</v>
      </c>
      <c r="C18" s="100">
        <v>5.5</v>
      </c>
      <c r="D18" s="101">
        <v>0</v>
      </c>
      <c r="E18" s="93">
        <v>0.06</v>
      </c>
      <c r="F18" s="94">
        <v>1.5399307018910907E-2</v>
      </c>
      <c r="G18" s="93">
        <v>0.105</v>
      </c>
      <c r="H18" s="94">
        <v>1.9737403701575448E-2</v>
      </c>
      <c r="I18" s="93">
        <v>0.81499999999999995</v>
      </c>
      <c r="J18" s="94">
        <v>2.4899388270554497E-2</v>
      </c>
      <c r="K18" s="93">
        <v>0.02</v>
      </c>
      <c r="L18" s="94">
        <v>9.373156742800464E-3</v>
      </c>
      <c r="M18" s="92">
        <v>969</v>
      </c>
      <c r="N18" s="100">
        <v>5.8</v>
      </c>
      <c r="O18" s="101">
        <v>0</v>
      </c>
      <c r="P18" s="93">
        <v>7.2999999999999995E-2</v>
      </c>
      <c r="Q18" s="94">
        <v>1.686254526105245E-2</v>
      </c>
      <c r="R18" s="93">
        <v>8.3000000000000004E-2</v>
      </c>
      <c r="S18" s="94">
        <v>1.7853782681949558E-2</v>
      </c>
      <c r="T18" s="93">
        <v>0.84499999999999997</v>
      </c>
      <c r="U18" s="94">
        <v>2.3290613281825551E-2</v>
      </c>
      <c r="V18" s="93">
        <v>0</v>
      </c>
      <c r="W18" s="94">
        <v>2.9039246820375072E-3</v>
      </c>
    </row>
    <row r="19" spans="1:23">
      <c r="A19" s="49" t="s">
        <v>435</v>
      </c>
      <c r="B19" s="103">
        <v>738</v>
      </c>
      <c r="C19" s="104">
        <v>5.4</v>
      </c>
      <c r="D19" s="105">
        <v>0</v>
      </c>
      <c r="E19" s="96">
        <v>7.2999999999999995E-2</v>
      </c>
      <c r="F19" s="97">
        <v>1.9374520272360141E-2</v>
      </c>
      <c r="G19" s="96">
        <v>0.126</v>
      </c>
      <c r="H19" s="97">
        <v>2.4530967511020789E-2</v>
      </c>
      <c r="I19" s="96">
        <v>0.78600000000000003</v>
      </c>
      <c r="J19" s="97">
        <v>3.0191082428034199E-2</v>
      </c>
      <c r="K19" s="96">
        <v>1.4999999999999999E-2</v>
      </c>
      <c r="L19" s="97">
        <v>9.6583923534306268E-3</v>
      </c>
      <c r="M19" s="95">
        <v>733</v>
      </c>
      <c r="N19" s="104">
        <v>5.5</v>
      </c>
      <c r="O19" s="105">
        <v>0.19600000000000001</v>
      </c>
      <c r="P19" s="96">
        <v>0.13200000000000001</v>
      </c>
      <c r="Q19" s="97">
        <v>2.5095963830928943E-2</v>
      </c>
      <c r="R19" s="96">
        <v>8.1000000000000003E-2</v>
      </c>
      <c r="S19" s="97">
        <v>2.0354992125090315E-2</v>
      </c>
      <c r="T19" s="96">
        <v>0.78700000000000003</v>
      </c>
      <c r="U19" s="97">
        <v>3.0243038521489889E-2</v>
      </c>
      <c r="V19" s="96">
        <v>0</v>
      </c>
      <c r="W19" s="97">
        <v>3.8325464861332119E-3</v>
      </c>
    </row>
    <row r="20" spans="1:23">
      <c r="A20" s="53" t="s">
        <v>436</v>
      </c>
      <c r="B20" s="83">
        <v>133</v>
      </c>
      <c r="C20" s="84">
        <v>5.0999999999999996</v>
      </c>
      <c r="D20" s="85">
        <v>0.19600000000000001</v>
      </c>
      <c r="E20" s="98">
        <v>0.20399999999999999</v>
      </c>
      <c r="F20" s="94">
        <v>6.99166496061739E-2</v>
      </c>
      <c r="G20" s="98">
        <v>7.4999999999999997E-2</v>
      </c>
      <c r="H20" s="94">
        <v>4.8259779978527741E-2</v>
      </c>
      <c r="I20" s="98">
        <v>0.71499999999999997</v>
      </c>
      <c r="J20" s="94">
        <v>7.763565752182279E-2</v>
      </c>
      <c r="K20" s="98">
        <v>6.0000000000000001E-3</v>
      </c>
      <c r="L20" s="94">
        <v>2.4168655653267118E-2</v>
      </c>
      <c r="M20" s="83">
        <v>133</v>
      </c>
      <c r="N20" s="84">
        <v>4.9000000000000004</v>
      </c>
      <c r="O20" s="85">
        <v>0.19600000000000001</v>
      </c>
      <c r="P20" s="98">
        <v>0.20499999999999999</v>
      </c>
      <c r="Q20" s="94">
        <v>7.0032852700889991E-2</v>
      </c>
      <c r="R20" s="98">
        <v>8.5000000000000006E-2</v>
      </c>
      <c r="S20" s="94">
        <v>5.0597919159588702E-2</v>
      </c>
      <c r="T20" s="98">
        <v>0.71</v>
      </c>
      <c r="U20" s="94">
        <v>7.8011338980591663E-2</v>
      </c>
      <c r="V20" s="98">
        <v>0</v>
      </c>
      <c r="W20" s="94">
        <v>2.0494202685054641E-2</v>
      </c>
    </row>
    <row r="21" spans="1:23">
      <c r="A21" s="49" t="s">
        <v>437</v>
      </c>
      <c r="B21" s="103">
        <v>154</v>
      </c>
      <c r="C21" s="104">
        <v>5.3</v>
      </c>
      <c r="D21" s="105">
        <v>0.19600000000000001</v>
      </c>
      <c r="E21" s="96">
        <v>5.0999999999999997E-2</v>
      </c>
      <c r="F21" s="97">
        <v>3.8476504376280168E-2</v>
      </c>
      <c r="G21" s="96">
        <v>0.19900000000000001</v>
      </c>
      <c r="H21" s="97">
        <v>6.4421146804558405E-2</v>
      </c>
      <c r="I21" s="96">
        <v>0.74199999999999999</v>
      </c>
      <c r="J21" s="97">
        <v>7.0146994091407761E-2</v>
      </c>
      <c r="K21" s="96">
        <v>8.0000000000000002E-3</v>
      </c>
      <c r="L21" s="97">
        <v>2.2522709043727163E-2</v>
      </c>
      <c r="M21" s="95">
        <v>154</v>
      </c>
      <c r="N21" s="104">
        <v>5.3</v>
      </c>
      <c r="O21" s="105">
        <v>0.19600000000000001</v>
      </c>
      <c r="P21" s="96">
        <v>0.125</v>
      </c>
      <c r="Q21" s="97">
        <v>5.4285957197065395E-2</v>
      </c>
      <c r="R21" s="96">
        <v>0.17799999999999999</v>
      </c>
      <c r="S21" s="97">
        <v>6.1930824891100043E-2</v>
      </c>
      <c r="T21" s="96">
        <v>0.69599999999999995</v>
      </c>
      <c r="U21" s="97">
        <v>7.3519908993760819E-2</v>
      </c>
      <c r="V21" s="96">
        <v>0</v>
      </c>
      <c r="W21" s="97">
        <v>1.7787776428620949E-2</v>
      </c>
    </row>
    <row r="22" spans="1:23">
      <c r="A22" s="57" t="s">
        <v>438</v>
      </c>
      <c r="B22" s="99">
        <v>255</v>
      </c>
      <c r="C22" s="100">
        <v>5.4</v>
      </c>
      <c r="D22" s="101">
        <v>0.19600000000000001</v>
      </c>
      <c r="E22" s="93">
        <v>7.0000000000000007E-2</v>
      </c>
      <c r="F22" s="94">
        <v>3.3059463216730062E-2</v>
      </c>
      <c r="G22" s="93">
        <v>0.10199999999999999</v>
      </c>
      <c r="H22" s="94">
        <v>3.8595217560539359E-2</v>
      </c>
      <c r="I22" s="93">
        <v>0.81499999999999995</v>
      </c>
      <c r="J22" s="94">
        <v>4.8739508991703033E-2</v>
      </c>
      <c r="K22" s="93">
        <v>1.2E-2</v>
      </c>
      <c r="L22" s="94">
        <v>1.71997116296921E-2</v>
      </c>
      <c r="M22" s="92">
        <v>257</v>
      </c>
      <c r="N22" s="100">
        <v>5.6</v>
      </c>
      <c r="O22" s="101">
        <v>0.19600000000000001</v>
      </c>
      <c r="P22" s="93">
        <v>6.9000000000000006E-2</v>
      </c>
      <c r="Q22" s="94">
        <v>3.2727644921239238E-2</v>
      </c>
      <c r="R22" s="93">
        <v>0.123</v>
      </c>
      <c r="S22" s="94">
        <v>4.1466241955247313E-2</v>
      </c>
      <c r="T22" s="93">
        <v>0.80700000000000005</v>
      </c>
      <c r="U22" s="94">
        <v>4.9304390607969484E-2</v>
      </c>
      <c r="V22" s="93">
        <v>0</v>
      </c>
      <c r="W22" s="94">
        <v>1.0795285053521841E-2</v>
      </c>
    </row>
    <row r="23" spans="1:23">
      <c r="A23" s="49" t="s">
        <v>439</v>
      </c>
      <c r="B23" s="103">
        <v>406</v>
      </c>
      <c r="C23" s="104">
        <v>5.6</v>
      </c>
      <c r="D23" s="105">
        <v>0.19600000000000001</v>
      </c>
      <c r="E23" s="96">
        <v>0.08</v>
      </c>
      <c r="F23" s="97">
        <v>2.7412861715796814E-2</v>
      </c>
      <c r="G23" s="96">
        <v>9.0999999999999998E-2</v>
      </c>
      <c r="H23" s="97">
        <v>2.8960376204569354E-2</v>
      </c>
      <c r="I23" s="96">
        <v>0.82</v>
      </c>
      <c r="J23" s="97">
        <v>3.8202068926359863E-2</v>
      </c>
      <c r="K23" s="96">
        <v>0.01</v>
      </c>
      <c r="L23" s="97">
        <v>1.1919250666055824E-2</v>
      </c>
      <c r="M23" s="95">
        <v>402</v>
      </c>
      <c r="N23" s="104">
        <v>5.5</v>
      </c>
      <c r="O23" s="105">
        <v>0.19600000000000001</v>
      </c>
      <c r="P23" s="96">
        <v>8.1000000000000003E-2</v>
      </c>
      <c r="Q23" s="97">
        <v>2.7700240793983838E-2</v>
      </c>
      <c r="R23" s="96">
        <v>0.124</v>
      </c>
      <c r="S23" s="97">
        <v>3.3128502032574114E-2</v>
      </c>
      <c r="T23" s="96">
        <v>0.79600000000000004</v>
      </c>
      <c r="U23" s="97">
        <v>4.0209049675616428E-2</v>
      </c>
      <c r="V23" s="96">
        <v>0</v>
      </c>
      <c r="W23" s="97">
        <v>6.9493890511268513E-3</v>
      </c>
    </row>
    <row r="24" spans="1:23">
      <c r="A24" s="57" t="s">
        <v>440</v>
      </c>
      <c r="B24" s="99">
        <v>408</v>
      </c>
      <c r="C24" s="100">
        <v>5.4</v>
      </c>
      <c r="D24" s="101">
        <v>0.19600000000000001</v>
      </c>
      <c r="E24" s="93">
        <v>8.7999999999999995E-2</v>
      </c>
      <c r="F24" s="94">
        <v>2.8478573107050011E-2</v>
      </c>
      <c r="G24" s="93">
        <v>0.122</v>
      </c>
      <c r="H24" s="94">
        <v>3.2661395878373321E-2</v>
      </c>
      <c r="I24" s="93">
        <v>0.78200000000000003</v>
      </c>
      <c r="J24" s="94">
        <v>4.0865949393190125E-2</v>
      </c>
      <c r="K24" s="93">
        <v>8.0000000000000002E-3</v>
      </c>
      <c r="L24" s="94">
        <v>1.1066197543348002E-2</v>
      </c>
      <c r="M24" s="92">
        <v>405</v>
      </c>
      <c r="N24" s="100">
        <v>5.6</v>
      </c>
      <c r="O24" s="101">
        <v>0.19600000000000001</v>
      </c>
      <c r="P24" s="93">
        <v>0.09</v>
      </c>
      <c r="Q24" s="94">
        <v>2.8861348206380377E-2</v>
      </c>
      <c r="R24" s="93">
        <v>8.7999999999999995E-2</v>
      </c>
      <c r="S24" s="94">
        <v>2.858692238826914E-2</v>
      </c>
      <c r="T24" s="93">
        <v>0.82099999999999995</v>
      </c>
      <c r="U24" s="94">
        <v>3.8168922736048501E-2</v>
      </c>
      <c r="V24" s="93">
        <v>0</v>
      </c>
      <c r="W24" s="94">
        <v>6.8985407827639013E-3</v>
      </c>
    </row>
    <row r="25" spans="1:23">
      <c r="A25" s="49" t="s">
        <v>441</v>
      </c>
      <c r="B25" s="103">
        <v>280</v>
      </c>
      <c r="C25" s="104">
        <v>5.2</v>
      </c>
      <c r="D25" s="105">
        <v>0.19600000000000001</v>
      </c>
      <c r="E25" s="96">
        <v>0.125</v>
      </c>
      <c r="F25" s="97">
        <v>3.994862393492702E-2</v>
      </c>
      <c r="G25" s="96">
        <v>0.156</v>
      </c>
      <c r="H25" s="97">
        <v>4.360093256259822E-2</v>
      </c>
      <c r="I25" s="96">
        <v>0.67300000000000004</v>
      </c>
      <c r="J25" s="97">
        <v>5.5779764783045485E-2</v>
      </c>
      <c r="K25" s="96">
        <v>4.5999999999999999E-2</v>
      </c>
      <c r="L25" s="97">
        <v>2.6443987199089584E-2</v>
      </c>
      <c r="M25" s="95">
        <v>280</v>
      </c>
      <c r="N25" s="104">
        <v>5.4</v>
      </c>
      <c r="O25" s="105">
        <v>0.19600000000000001</v>
      </c>
      <c r="P25" s="96">
        <v>0.14099999999999999</v>
      </c>
      <c r="Q25" s="97">
        <v>4.1912700040053111E-2</v>
      </c>
      <c r="R25" s="96">
        <v>8.2000000000000003E-2</v>
      </c>
      <c r="S25" s="97">
        <v>3.3601463380625106E-2</v>
      </c>
      <c r="T25" s="96">
        <v>0.77700000000000002</v>
      </c>
      <c r="U25" s="97">
        <v>4.9705776479253443E-2</v>
      </c>
      <c r="V25" s="96">
        <v>0</v>
      </c>
      <c r="W25" s="97">
        <v>9.9241206986027605E-3</v>
      </c>
    </row>
    <row r="26" spans="1:23">
      <c r="A26" s="57" t="s">
        <v>442</v>
      </c>
      <c r="B26" s="99">
        <v>764</v>
      </c>
      <c r="C26" s="100">
        <v>5.4</v>
      </c>
      <c r="D26" s="101">
        <v>0</v>
      </c>
      <c r="E26" s="93">
        <v>6.8000000000000005E-2</v>
      </c>
      <c r="F26" s="94">
        <v>1.8444022504481863E-2</v>
      </c>
      <c r="G26" s="93">
        <v>0.13600000000000001</v>
      </c>
      <c r="H26" s="94">
        <v>2.488311974707106E-2</v>
      </c>
      <c r="I26" s="93">
        <v>0.78200000000000003</v>
      </c>
      <c r="J26" s="94">
        <v>2.986970121884918E-2</v>
      </c>
      <c r="K26" s="93">
        <v>1.4999999999999999E-2</v>
      </c>
      <c r="L26" s="94">
        <v>9.4700403494182121E-3</v>
      </c>
      <c r="M26" s="92">
        <v>768</v>
      </c>
      <c r="N26" s="100">
        <v>5.5</v>
      </c>
      <c r="O26" s="101">
        <v>0.19600000000000001</v>
      </c>
      <c r="P26" s="93">
        <v>0.113</v>
      </c>
      <c r="Q26" s="94">
        <v>2.2964152015138743E-2</v>
      </c>
      <c r="R26" s="93">
        <v>0.1</v>
      </c>
      <c r="S26" s="94">
        <v>2.1791966917381986E-2</v>
      </c>
      <c r="T26" s="93">
        <v>0.77900000000000003</v>
      </c>
      <c r="U26" s="94">
        <v>2.9936335966286476E-2</v>
      </c>
      <c r="V26" s="93">
        <v>8.0000000000000002E-3</v>
      </c>
      <c r="W26" s="94">
        <v>7.3540855009914018E-3</v>
      </c>
    </row>
    <row r="27" spans="1:23">
      <c r="A27" s="49" t="s">
        <v>443</v>
      </c>
      <c r="B27" s="103">
        <v>1011</v>
      </c>
      <c r="C27" s="104">
        <v>5.4</v>
      </c>
      <c r="D27" s="105">
        <v>0</v>
      </c>
      <c r="E27" s="96">
        <v>7.3999999999999996E-2</v>
      </c>
      <c r="F27" s="97">
        <v>1.66033451766705E-2</v>
      </c>
      <c r="G27" s="96">
        <v>0.104</v>
      </c>
      <c r="H27" s="97">
        <v>1.9289605433086485E-2</v>
      </c>
      <c r="I27" s="96">
        <v>0.79900000000000004</v>
      </c>
      <c r="J27" s="97">
        <v>2.5212574075674565E-2</v>
      </c>
      <c r="K27" s="96">
        <v>2.4E-2</v>
      </c>
      <c r="L27" s="97">
        <v>9.9667035488250153E-3</v>
      </c>
      <c r="M27" s="95">
        <v>1013</v>
      </c>
      <c r="N27" s="104">
        <v>5.6</v>
      </c>
      <c r="O27" s="105">
        <v>0</v>
      </c>
      <c r="P27" s="96">
        <v>0.08</v>
      </c>
      <c r="Q27" s="97">
        <v>1.7173403528269366E-2</v>
      </c>
      <c r="R27" s="96">
        <v>9.7000000000000003E-2</v>
      </c>
      <c r="S27" s="97">
        <v>1.8695515128226058E-2</v>
      </c>
      <c r="T27" s="96">
        <v>0.80800000000000005</v>
      </c>
      <c r="U27" s="97">
        <v>2.4760862848643931E-2</v>
      </c>
      <c r="V27" s="96">
        <v>1.4999999999999999E-2</v>
      </c>
      <c r="W27" s="97">
        <v>8.0855079509537364E-3</v>
      </c>
    </row>
    <row r="28" spans="1:23">
      <c r="A28" s="57" t="s">
        <v>444</v>
      </c>
      <c r="B28" s="99">
        <v>281</v>
      </c>
      <c r="C28" s="100">
        <v>5.4</v>
      </c>
      <c r="D28" s="101">
        <v>0.19600000000000001</v>
      </c>
      <c r="E28" s="93">
        <v>8.7999999999999995E-2</v>
      </c>
      <c r="F28" s="94">
        <v>3.4536999140384703E-2</v>
      </c>
      <c r="G28" s="93">
        <v>0.13500000000000001</v>
      </c>
      <c r="H28" s="94">
        <v>4.1122564936569295E-2</v>
      </c>
      <c r="I28" s="93">
        <v>0.76800000000000002</v>
      </c>
      <c r="J28" s="94">
        <v>5.0287309846220332E-2</v>
      </c>
      <c r="K28" s="93">
        <v>8.9999999999999993E-3</v>
      </c>
      <c r="L28" s="94">
        <v>1.4815211216071187E-2</v>
      </c>
      <c r="M28" s="92">
        <v>281</v>
      </c>
      <c r="N28" s="100">
        <v>5.6</v>
      </c>
      <c r="O28" s="101">
        <v>0.19600000000000001</v>
      </c>
      <c r="P28" s="93">
        <v>9.6000000000000002E-2</v>
      </c>
      <c r="Q28" s="94">
        <v>3.5803234366269983E-2</v>
      </c>
      <c r="R28" s="93">
        <v>0.13300000000000001</v>
      </c>
      <c r="S28" s="94">
        <v>4.0878976250406401E-2</v>
      </c>
      <c r="T28" s="93">
        <v>0.76500000000000001</v>
      </c>
      <c r="U28" s="94">
        <v>5.0503763263044295E-2</v>
      </c>
      <c r="V28" s="93">
        <v>6.0000000000000001E-3</v>
      </c>
      <c r="W28" s="94">
        <v>1.3385544558175748E-2</v>
      </c>
    </row>
    <row r="29" spans="1:23">
      <c r="A29" s="49" t="s">
        <v>445</v>
      </c>
      <c r="B29" s="103">
        <v>193</v>
      </c>
      <c r="C29" s="104">
        <v>5.3</v>
      </c>
      <c r="D29" s="105">
        <v>0.19600000000000001</v>
      </c>
      <c r="E29" s="96">
        <v>0.124</v>
      </c>
      <c r="F29" s="97">
        <v>4.8176256657828841E-2</v>
      </c>
      <c r="G29" s="96">
        <v>0.126</v>
      </c>
      <c r="H29" s="97">
        <v>4.8478699327208316E-2</v>
      </c>
      <c r="I29" s="96">
        <v>0.73199999999999998</v>
      </c>
      <c r="J29" s="97">
        <v>6.3460216703739428E-2</v>
      </c>
      <c r="K29" s="96">
        <v>1.7999999999999999E-2</v>
      </c>
      <c r="L29" s="97">
        <v>2.342054097065031E-2</v>
      </c>
      <c r="M29" s="95">
        <v>194</v>
      </c>
      <c r="N29" s="104">
        <v>5.6</v>
      </c>
      <c r="O29" s="105">
        <v>0.19600000000000001</v>
      </c>
      <c r="P29" s="96">
        <v>0.12</v>
      </c>
      <c r="Q29" s="97">
        <v>4.7434252354303263E-2</v>
      </c>
      <c r="R29" s="96">
        <v>5.1999999999999998E-2</v>
      </c>
      <c r="S29" s="97">
        <v>3.4030093896100851E-2</v>
      </c>
      <c r="T29" s="96">
        <v>0.82799999999999996</v>
      </c>
      <c r="U29" s="97">
        <v>5.4442801219026796E-2</v>
      </c>
      <c r="V29" s="96">
        <v>0</v>
      </c>
      <c r="W29" s="97">
        <v>1.4212655973362595E-2</v>
      </c>
    </row>
    <row r="30" spans="1:23">
      <c r="A30" s="57" t="s">
        <v>446</v>
      </c>
      <c r="B30" s="99">
        <v>166</v>
      </c>
      <c r="C30" s="100">
        <v>5.3</v>
      </c>
      <c r="D30" s="101">
        <v>0.19600000000000001</v>
      </c>
      <c r="E30" s="93">
        <v>0.125</v>
      </c>
      <c r="F30" s="94">
        <v>5.2224581182685421E-2</v>
      </c>
      <c r="G30" s="93">
        <v>6.3E-2</v>
      </c>
      <c r="H30" s="94">
        <v>3.997412389168517E-2</v>
      </c>
      <c r="I30" s="93">
        <v>0.80600000000000005</v>
      </c>
      <c r="J30" s="94">
        <v>6.1494822354980307E-2</v>
      </c>
      <c r="K30" s="93">
        <v>5.0000000000000001E-3</v>
      </c>
      <c r="L30" s="94">
        <v>1.9625873832058813E-2</v>
      </c>
      <c r="M30" s="92">
        <v>164</v>
      </c>
      <c r="N30" s="100">
        <v>5.0999999999999996</v>
      </c>
      <c r="O30" s="101">
        <v>0.19600000000000001</v>
      </c>
      <c r="P30" s="93">
        <v>0.20899999999999999</v>
      </c>
      <c r="Q30" s="94">
        <v>6.3490423625364792E-2</v>
      </c>
      <c r="R30" s="93">
        <v>7.4999999999999997E-2</v>
      </c>
      <c r="S30" s="94">
        <v>4.3059702560037529E-2</v>
      </c>
      <c r="T30" s="93">
        <v>0.70199999999999996</v>
      </c>
      <c r="U30" s="94">
        <v>7.0898303441951152E-2</v>
      </c>
      <c r="V30" s="93">
        <v>1.4E-2</v>
      </c>
      <c r="W30" s="94">
        <v>2.435722764164229E-2</v>
      </c>
    </row>
    <row r="31" spans="1:23">
      <c r="A31" s="49" t="s">
        <v>447</v>
      </c>
      <c r="B31" s="103">
        <v>78</v>
      </c>
      <c r="C31" s="104">
        <v>5.3</v>
      </c>
      <c r="D31" s="105">
        <v>0.19600000000000001</v>
      </c>
      <c r="E31" s="96">
        <v>4.2999999999999997E-2</v>
      </c>
      <c r="F31" s="97">
        <v>5.4562360153446711E-2</v>
      </c>
      <c r="G31" s="96">
        <v>0.16600000000000001</v>
      </c>
      <c r="H31" s="97">
        <v>8.5272035469322272E-2</v>
      </c>
      <c r="I31" s="96">
        <v>0.76300000000000001</v>
      </c>
      <c r="J31" s="97">
        <v>9.5614726133129949E-2</v>
      </c>
      <c r="K31" s="96">
        <v>2.9000000000000001E-2</v>
      </c>
      <c r="L31" s="97">
        <v>4.9026695439187022E-2</v>
      </c>
      <c r="M31" s="95">
        <v>79</v>
      </c>
      <c r="N31" s="104">
        <v>5.7</v>
      </c>
      <c r="O31" s="105">
        <v>0.39200000000000002</v>
      </c>
      <c r="P31" s="96">
        <v>6.5000000000000002E-2</v>
      </c>
      <c r="Q31" s="97">
        <v>6.1536186232451814E-2</v>
      </c>
      <c r="R31" s="96">
        <v>0.112</v>
      </c>
      <c r="S31" s="97">
        <v>7.3996619955052981E-2</v>
      </c>
      <c r="T31" s="96">
        <v>0.82199999999999995</v>
      </c>
      <c r="U31" s="97">
        <v>8.672594364180318E-2</v>
      </c>
      <c r="V31" s="96">
        <v>0</v>
      </c>
      <c r="W31" s="97">
        <v>3.3664360151118053E-2</v>
      </c>
    </row>
    <row r="32" spans="1:23" s="227" customFormat="1">
      <c r="A32" s="241"/>
    </row>
    <row r="33" spans="1:45" ht="21" customHeight="1">
      <c r="A33" s="335" t="s">
        <v>34</v>
      </c>
      <c r="B33" s="335"/>
      <c r="C33" s="335"/>
      <c r="D33" s="335"/>
      <c r="E33" s="335"/>
      <c r="F33" s="335"/>
      <c r="G33" s="335"/>
      <c r="H33" s="335"/>
      <c r="I33" s="335"/>
      <c r="J33" s="335"/>
      <c r="K33" s="335"/>
      <c r="L33" s="335"/>
      <c r="M33" s="335"/>
      <c r="N33" s="335"/>
      <c r="O33" s="335"/>
      <c r="P33" s="335"/>
      <c r="Q33" s="335"/>
      <c r="R33" s="335"/>
      <c r="S33" s="335"/>
      <c r="T33" s="335"/>
      <c r="U33" s="335"/>
      <c r="V33" s="335"/>
      <c r="W33" s="335"/>
      <c r="X33" s="335"/>
      <c r="Y33" s="335"/>
      <c r="Z33" s="335"/>
      <c r="AA33" s="335"/>
      <c r="AB33" s="335"/>
      <c r="AC33" s="335"/>
      <c r="AD33" s="335"/>
      <c r="AE33" s="335"/>
      <c r="AF33" s="335"/>
      <c r="AG33" s="335"/>
      <c r="AH33" s="335"/>
      <c r="AI33" s="335"/>
      <c r="AJ33" s="335"/>
      <c r="AK33" s="335"/>
      <c r="AL33" s="335"/>
      <c r="AM33" s="335"/>
      <c r="AN33" s="335"/>
      <c r="AO33" s="335"/>
      <c r="AP33" s="335"/>
      <c r="AQ33" s="335"/>
      <c r="AR33" s="335"/>
      <c r="AS33" s="335"/>
    </row>
    <row r="34" spans="1:45" ht="73.5" customHeight="1">
      <c r="A34" s="359" t="s">
        <v>485</v>
      </c>
      <c r="B34" s="359"/>
      <c r="C34" s="359"/>
      <c r="D34" s="359"/>
      <c r="E34" s="359"/>
      <c r="F34" s="359"/>
      <c r="G34" s="359"/>
      <c r="H34" s="359"/>
      <c r="I34" s="359"/>
      <c r="J34" s="359"/>
      <c r="K34" s="359"/>
      <c r="L34" s="359"/>
      <c r="M34" s="359"/>
      <c r="N34" s="359"/>
      <c r="O34" s="359"/>
      <c r="P34" s="359"/>
      <c r="Q34" s="359"/>
      <c r="R34" s="359"/>
      <c r="S34" s="359"/>
      <c r="T34" s="359"/>
      <c r="U34" s="359"/>
      <c r="V34" s="359"/>
      <c r="W34" s="359"/>
      <c r="X34" s="359"/>
      <c r="Y34" s="359"/>
      <c r="Z34" s="359"/>
      <c r="AA34" s="359"/>
      <c r="AB34" s="359"/>
      <c r="AC34" s="359"/>
      <c r="AD34" s="359"/>
      <c r="AE34" s="359"/>
      <c r="AF34" s="359"/>
      <c r="AG34" s="359"/>
      <c r="AH34" s="359"/>
      <c r="AI34" s="359"/>
      <c r="AJ34" s="359"/>
      <c r="AK34" s="359"/>
      <c r="AL34" s="359"/>
      <c r="AM34" s="359"/>
      <c r="AN34" s="359"/>
      <c r="AO34" s="359"/>
      <c r="AP34" s="359"/>
      <c r="AQ34" s="359"/>
      <c r="AR34" s="359"/>
      <c r="AS34" s="359"/>
    </row>
    <row r="35" spans="1:45" ht="37.5" customHeight="1">
      <c r="A35" s="64"/>
      <c r="B35" s="354" t="s">
        <v>105</v>
      </c>
      <c r="C35" s="355"/>
      <c r="D35" s="355"/>
      <c r="E35" s="355"/>
      <c r="F35" s="355"/>
      <c r="G35" s="355"/>
      <c r="H35" s="355"/>
      <c r="I35" s="355"/>
      <c r="J35" s="355"/>
      <c r="K35" s="355"/>
      <c r="L35" s="356"/>
      <c r="M35" s="354" t="s">
        <v>106</v>
      </c>
      <c r="N35" s="355"/>
      <c r="O35" s="355"/>
      <c r="P35" s="355"/>
      <c r="Q35" s="355"/>
      <c r="R35" s="355"/>
      <c r="S35" s="355"/>
      <c r="T35" s="355"/>
      <c r="U35" s="355"/>
      <c r="V35" s="355"/>
      <c r="W35" s="356"/>
      <c r="X35" s="351" t="s">
        <v>107</v>
      </c>
      <c r="Y35" s="352"/>
      <c r="Z35" s="352"/>
      <c r="AA35" s="352"/>
      <c r="AB35" s="352"/>
      <c r="AC35" s="352"/>
      <c r="AD35" s="352"/>
      <c r="AE35" s="352"/>
      <c r="AF35" s="352"/>
      <c r="AG35" s="352"/>
      <c r="AH35" s="353"/>
      <c r="AI35" s="351" t="s">
        <v>108</v>
      </c>
      <c r="AJ35" s="352"/>
      <c r="AK35" s="352"/>
      <c r="AL35" s="352"/>
      <c r="AM35" s="352"/>
      <c r="AN35" s="352"/>
      <c r="AO35" s="352"/>
      <c r="AP35" s="352"/>
      <c r="AQ35" s="352"/>
      <c r="AR35" s="352"/>
      <c r="AS35" s="353"/>
    </row>
    <row r="36" spans="1:45" ht="72">
      <c r="A36" s="37" t="s">
        <v>85</v>
      </c>
      <c r="B36" s="38" t="s">
        <v>86</v>
      </c>
      <c r="C36" s="39" t="s">
        <v>87</v>
      </c>
      <c r="D36" s="40" t="s">
        <v>88</v>
      </c>
      <c r="E36" s="38" t="s">
        <v>184</v>
      </c>
      <c r="F36" s="89" t="s">
        <v>109</v>
      </c>
      <c r="G36" s="38" t="s">
        <v>185</v>
      </c>
      <c r="H36" s="89" t="s">
        <v>110</v>
      </c>
      <c r="I36" s="38" t="s">
        <v>186</v>
      </c>
      <c r="J36" s="89" t="s">
        <v>111</v>
      </c>
      <c r="K36" s="38" t="s">
        <v>353</v>
      </c>
      <c r="L36" s="89" t="s">
        <v>352</v>
      </c>
      <c r="M36" s="65" t="s">
        <v>86</v>
      </c>
      <c r="N36" s="66" t="s">
        <v>87</v>
      </c>
      <c r="O36" s="67" t="s">
        <v>88</v>
      </c>
      <c r="P36" s="65" t="s">
        <v>187</v>
      </c>
      <c r="Q36" s="88" t="s">
        <v>112</v>
      </c>
      <c r="R36" s="65" t="s">
        <v>188</v>
      </c>
      <c r="S36" s="88" t="s">
        <v>113</v>
      </c>
      <c r="T36" s="65" t="s">
        <v>189</v>
      </c>
      <c r="U36" s="88" t="s">
        <v>114</v>
      </c>
      <c r="V36" s="65" t="s">
        <v>353</v>
      </c>
      <c r="W36" s="88" t="s">
        <v>352</v>
      </c>
      <c r="X36" s="38" t="s">
        <v>86</v>
      </c>
      <c r="Y36" s="39" t="s">
        <v>87</v>
      </c>
      <c r="Z36" s="40" t="s">
        <v>88</v>
      </c>
      <c r="AA36" s="38" t="s">
        <v>190</v>
      </c>
      <c r="AB36" s="89" t="s">
        <v>115</v>
      </c>
      <c r="AC36" s="38" t="s">
        <v>191</v>
      </c>
      <c r="AD36" s="89" t="s">
        <v>116</v>
      </c>
      <c r="AE36" s="38" t="s">
        <v>192</v>
      </c>
      <c r="AF36" s="89" t="s">
        <v>117</v>
      </c>
      <c r="AG36" s="38" t="s">
        <v>353</v>
      </c>
      <c r="AH36" s="89" t="s">
        <v>352</v>
      </c>
      <c r="AI36" s="65" t="s">
        <v>86</v>
      </c>
      <c r="AJ36" s="66" t="s">
        <v>87</v>
      </c>
      <c r="AK36" s="67" t="s">
        <v>88</v>
      </c>
      <c r="AL36" s="65" t="s">
        <v>193</v>
      </c>
      <c r="AM36" s="88" t="s">
        <v>118</v>
      </c>
      <c r="AN36" s="65" t="s">
        <v>194</v>
      </c>
      <c r="AO36" s="88" t="s">
        <v>119</v>
      </c>
      <c r="AP36" s="65" t="s">
        <v>195</v>
      </c>
      <c r="AQ36" s="88" t="s">
        <v>120</v>
      </c>
      <c r="AR36" s="65" t="s">
        <v>353</v>
      </c>
      <c r="AS36" s="88" t="s">
        <v>352</v>
      </c>
    </row>
    <row r="37" spans="1:45" ht="93" customHeight="1">
      <c r="A37" s="41"/>
      <c r="B37" s="42" t="s">
        <v>89</v>
      </c>
      <c r="C37" s="43" t="s">
        <v>121</v>
      </c>
      <c r="D37" s="44" t="s">
        <v>91</v>
      </c>
      <c r="E37" s="42" t="s">
        <v>181</v>
      </c>
      <c r="F37" s="91" t="s">
        <v>104</v>
      </c>
      <c r="G37" s="42" t="s">
        <v>182</v>
      </c>
      <c r="H37" s="91" t="s">
        <v>104</v>
      </c>
      <c r="I37" s="42" t="s">
        <v>183</v>
      </c>
      <c r="J37" s="91" t="s">
        <v>104</v>
      </c>
      <c r="K37" s="42" t="s">
        <v>353</v>
      </c>
      <c r="L37" s="91" t="s">
        <v>104</v>
      </c>
      <c r="M37" s="68" t="s">
        <v>89</v>
      </c>
      <c r="N37" s="69" t="s">
        <v>121</v>
      </c>
      <c r="O37" s="70" t="s">
        <v>91</v>
      </c>
      <c r="P37" s="68" t="s">
        <v>181</v>
      </c>
      <c r="Q37" s="90" t="s">
        <v>104</v>
      </c>
      <c r="R37" s="68" t="s">
        <v>182</v>
      </c>
      <c r="S37" s="90" t="s">
        <v>104</v>
      </c>
      <c r="T37" s="68" t="s">
        <v>183</v>
      </c>
      <c r="U37" s="90" t="s">
        <v>104</v>
      </c>
      <c r="V37" s="68" t="s">
        <v>353</v>
      </c>
      <c r="W37" s="90" t="s">
        <v>104</v>
      </c>
      <c r="X37" s="42" t="s">
        <v>89</v>
      </c>
      <c r="Y37" s="43" t="s">
        <v>121</v>
      </c>
      <c r="Z37" s="44" t="s">
        <v>91</v>
      </c>
      <c r="AA37" s="42" t="s">
        <v>181</v>
      </c>
      <c r="AB37" s="91" t="s">
        <v>104</v>
      </c>
      <c r="AC37" s="42" t="s">
        <v>182</v>
      </c>
      <c r="AD37" s="91" t="s">
        <v>104</v>
      </c>
      <c r="AE37" s="42" t="s">
        <v>183</v>
      </c>
      <c r="AF37" s="91" t="s">
        <v>104</v>
      </c>
      <c r="AG37" s="42" t="s">
        <v>353</v>
      </c>
      <c r="AH37" s="91" t="s">
        <v>104</v>
      </c>
      <c r="AI37" s="68" t="s">
        <v>89</v>
      </c>
      <c r="AJ37" s="69" t="s">
        <v>121</v>
      </c>
      <c r="AK37" s="70" t="s">
        <v>91</v>
      </c>
      <c r="AL37" s="68" t="s">
        <v>181</v>
      </c>
      <c r="AM37" s="90" t="s">
        <v>104</v>
      </c>
      <c r="AN37" s="68" t="s">
        <v>182</v>
      </c>
      <c r="AO37" s="90" t="s">
        <v>104</v>
      </c>
      <c r="AP37" s="68" t="s">
        <v>183</v>
      </c>
      <c r="AQ37" s="90" t="s">
        <v>104</v>
      </c>
      <c r="AR37" s="68" t="s">
        <v>353</v>
      </c>
      <c r="AS37" s="90" t="s">
        <v>104</v>
      </c>
    </row>
    <row r="38" spans="1:45">
      <c r="A38" s="45" t="s">
        <v>424</v>
      </c>
      <c r="B38" s="99">
        <v>8579</v>
      </c>
      <c r="C38" s="100">
        <v>4.5</v>
      </c>
      <c r="D38" s="101">
        <v>3.9199999999999999E-2</v>
      </c>
      <c r="E38" s="102">
        <v>0.217</v>
      </c>
      <c r="F38" s="94">
        <v>8.9005438874569607E-3</v>
      </c>
      <c r="G38" s="102">
        <v>0.24399999999999999</v>
      </c>
      <c r="H38" s="94">
        <v>9.2733815502201253E-3</v>
      </c>
      <c r="I38" s="102">
        <v>0.52</v>
      </c>
      <c r="J38" s="94">
        <v>1.0785320473258423E-2</v>
      </c>
      <c r="K38" s="93">
        <v>1.9E-2</v>
      </c>
      <c r="L38" s="94">
        <v>2.9642788130103989E-3</v>
      </c>
      <c r="M38" s="99">
        <v>8573</v>
      </c>
      <c r="N38" s="100">
        <v>4.7</v>
      </c>
      <c r="O38" s="101">
        <v>3.9199999999999999E-2</v>
      </c>
      <c r="P38" s="102">
        <v>0.157</v>
      </c>
      <c r="Q38" s="94">
        <v>7.8596974369174438E-3</v>
      </c>
      <c r="R38" s="102">
        <v>0.248</v>
      </c>
      <c r="S38" s="94">
        <v>9.3275157526843833E-3</v>
      </c>
      <c r="T38" s="102">
        <v>0.57799999999999996</v>
      </c>
      <c r="U38" s="94">
        <v>1.0665653882230933E-2</v>
      </c>
      <c r="V38" s="93">
        <v>1.7000000000000001E-2</v>
      </c>
      <c r="W38" s="94">
        <v>2.8097785764018457E-3</v>
      </c>
      <c r="X38" s="99">
        <v>8549</v>
      </c>
      <c r="Y38" s="100">
        <v>4.0999999999999996</v>
      </c>
      <c r="Z38" s="101">
        <v>3.9199999999999999E-2</v>
      </c>
      <c r="AA38" s="102">
        <v>0.151</v>
      </c>
      <c r="AB38" s="94">
        <v>7.746507017582273E-3</v>
      </c>
      <c r="AC38" s="102">
        <v>0.248</v>
      </c>
      <c r="AD38" s="94">
        <v>9.3405974024513751E-3</v>
      </c>
      <c r="AE38" s="102">
        <v>0.58599999999999997</v>
      </c>
      <c r="AF38" s="94">
        <v>1.0651871744154428E-2</v>
      </c>
      <c r="AG38" s="93">
        <v>1.4999999999999999E-2</v>
      </c>
      <c r="AH38" s="94">
        <v>2.6481555205133981E-3</v>
      </c>
      <c r="AI38" s="99">
        <v>8542</v>
      </c>
      <c r="AJ38" s="100">
        <v>4.8</v>
      </c>
      <c r="AK38" s="101">
        <v>3.9199999999999999E-2</v>
      </c>
      <c r="AL38" s="102">
        <v>0.28199999999999997</v>
      </c>
      <c r="AM38" s="94">
        <v>9.7360550885938011E-3</v>
      </c>
      <c r="AN38" s="102">
        <v>0.26300000000000001</v>
      </c>
      <c r="AO38" s="94">
        <v>9.5261859184403042E-3</v>
      </c>
      <c r="AP38" s="102">
        <v>0.38900000000000001</v>
      </c>
      <c r="AQ38" s="94">
        <v>1.0547620410977942E-2</v>
      </c>
      <c r="AR38" s="93">
        <v>6.6000000000000003E-2</v>
      </c>
      <c r="AS38" s="94">
        <v>5.3791547440763463E-3</v>
      </c>
    </row>
    <row r="39" spans="1:45">
      <c r="A39" s="49" t="s">
        <v>425</v>
      </c>
      <c r="B39" s="103">
        <v>8696</v>
      </c>
      <c r="C39" s="104">
        <v>4.4594611108365676</v>
      </c>
      <c r="D39" s="105">
        <v>3.9199999999999999E-2</v>
      </c>
      <c r="E39" s="106">
        <v>0.23499999999999999</v>
      </c>
      <c r="F39" s="97">
        <v>9.0931213074317858E-3</v>
      </c>
      <c r="G39" s="106">
        <v>0.24199999999999999</v>
      </c>
      <c r="H39" s="97">
        <v>9.1851252615988647E-3</v>
      </c>
      <c r="I39" s="106">
        <v>0.505</v>
      </c>
      <c r="J39" s="97">
        <v>1.072058977154507E-2</v>
      </c>
      <c r="K39" s="96">
        <v>1.9E-2</v>
      </c>
      <c r="L39" s="97">
        <v>2.9440527887616471E-3</v>
      </c>
      <c r="M39" s="103">
        <v>8886</v>
      </c>
      <c r="N39" s="104">
        <v>4.7</v>
      </c>
      <c r="O39" s="105">
        <v>3.9199999999999999E-2</v>
      </c>
      <c r="P39" s="106">
        <v>0.16900000000000001</v>
      </c>
      <c r="Q39" s="97">
        <v>7.9519810379309573E-3</v>
      </c>
      <c r="R39" s="106">
        <v>0.245</v>
      </c>
      <c r="S39" s="97">
        <v>9.1243996556466256E-3</v>
      </c>
      <c r="T39" s="106">
        <v>0.56999999999999995</v>
      </c>
      <c r="U39" s="97">
        <v>1.050158075747489E-2</v>
      </c>
      <c r="V39" s="96">
        <v>1.6E-2</v>
      </c>
      <c r="W39" s="97">
        <v>2.679317662789837E-3</v>
      </c>
      <c r="X39" s="103">
        <v>7949</v>
      </c>
      <c r="Y39" s="104">
        <v>4.0999999999999996</v>
      </c>
      <c r="Z39" s="105">
        <v>3.9199999999999999E-2</v>
      </c>
      <c r="AA39" s="106">
        <v>0.152</v>
      </c>
      <c r="AB39" s="97">
        <v>8.0554406463226938E-3</v>
      </c>
      <c r="AC39" s="106">
        <v>0.251</v>
      </c>
      <c r="AD39" s="97">
        <v>9.7255524671177353E-3</v>
      </c>
      <c r="AE39" s="106">
        <v>0.58499999999999996</v>
      </c>
      <c r="AF39" s="97">
        <v>1.1050272417136468E-2</v>
      </c>
      <c r="AG39" s="96">
        <v>1.2E-2</v>
      </c>
      <c r="AH39" s="97">
        <v>2.4664723881987986E-3</v>
      </c>
      <c r="AI39" s="103">
        <v>7943</v>
      </c>
      <c r="AJ39" s="104">
        <v>4.8</v>
      </c>
      <c r="AK39" s="105">
        <v>3.1064098662889769E-2</v>
      </c>
      <c r="AL39" s="106">
        <v>0.29799999999999999</v>
      </c>
      <c r="AM39" s="97">
        <v>1.0262370733535442E-2</v>
      </c>
      <c r="AN39" s="106">
        <v>0.26500000000000001</v>
      </c>
      <c r="AO39" s="97">
        <v>9.9027758777084224E-3</v>
      </c>
      <c r="AP39" s="106">
        <v>0.38100000000000001</v>
      </c>
      <c r="AQ39" s="97">
        <v>1.0895554149113808E-2</v>
      </c>
      <c r="AR39" s="96">
        <v>5.7000000000000002E-2</v>
      </c>
      <c r="AS39" s="97">
        <v>5.2109644305612162E-3</v>
      </c>
    </row>
    <row r="40" spans="1:45">
      <c r="A40" s="53" t="s">
        <v>426</v>
      </c>
      <c r="B40" s="99">
        <v>776</v>
      </c>
      <c r="C40" s="100">
        <v>4.4854630000000002</v>
      </c>
      <c r="D40" s="101">
        <v>0.11200224</v>
      </c>
      <c r="E40" s="102">
        <v>0.21099999999999999</v>
      </c>
      <c r="F40" s="94">
        <v>2.9293687879203952E-2</v>
      </c>
      <c r="G40" s="102">
        <v>0.24</v>
      </c>
      <c r="H40" s="94">
        <v>3.0641981889738368E-2</v>
      </c>
      <c r="I40" s="102">
        <v>0.51100000000000001</v>
      </c>
      <c r="J40" s="94">
        <v>3.5797166328443888E-2</v>
      </c>
      <c r="K40" s="93">
        <v>3.7999999999999999E-2</v>
      </c>
      <c r="L40" s="94">
        <v>1.4094835565632262E-2</v>
      </c>
      <c r="M40" s="99">
        <v>775</v>
      </c>
      <c r="N40" s="100">
        <v>4.6161969999999997</v>
      </c>
      <c r="O40" s="101">
        <v>9.871344E-2</v>
      </c>
      <c r="P40" s="102">
        <v>0.17399999999999999</v>
      </c>
      <c r="Q40" s="94">
        <v>2.7268701222223194E-2</v>
      </c>
      <c r="R40" s="102">
        <v>0.246</v>
      </c>
      <c r="S40" s="94">
        <v>3.0916247869434862E-2</v>
      </c>
      <c r="T40" s="102">
        <v>0.54300000000000004</v>
      </c>
      <c r="U40" s="94">
        <v>3.5697339893335706E-2</v>
      </c>
      <c r="V40" s="93">
        <v>3.7999999999999999E-2</v>
      </c>
      <c r="W40" s="94">
        <v>1.4104388338444851E-2</v>
      </c>
      <c r="X40" s="99">
        <v>775</v>
      </c>
      <c r="Y40" s="100">
        <v>4.3922639999999999</v>
      </c>
      <c r="Z40" s="101">
        <v>0.10447388000000001</v>
      </c>
      <c r="AA40" s="102">
        <v>0.191</v>
      </c>
      <c r="AB40" s="94">
        <v>2.8256757126653952E-2</v>
      </c>
      <c r="AC40" s="102">
        <v>0.246</v>
      </c>
      <c r="AD40" s="94">
        <v>3.0916247869434862E-2</v>
      </c>
      <c r="AE40" s="102">
        <v>0.45</v>
      </c>
      <c r="AF40" s="94">
        <v>3.56509686938574E-2</v>
      </c>
      <c r="AG40" s="93">
        <v>0.113</v>
      </c>
      <c r="AH40" s="94">
        <v>2.2859184424296783E-2</v>
      </c>
      <c r="AI40" s="99">
        <v>771</v>
      </c>
      <c r="AJ40" s="100">
        <v>4.6649089999999998</v>
      </c>
      <c r="AK40" s="101">
        <v>0.10943268</v>
      </c>
      <c r="AL40" s="102">
        <v>0.19500000000000001</v>
      </c>
      <c r="AM40" s="94">
        <v>2.8550602952036635E-2</v>
      </c>
      <c r="AN40" s="102">
        <v>0.217</v>
      </c>
      <c r="AO40" s="94">
        <v>2.9685281825217638E-2</v>
      </c>
      <c r="AP40" s="102">
        <v>0.55100000000000005</v>
      </c>
      <c r="AQ40" s="94">
        <v>3.5735644426145609E-2</v>
      </c>
      <c r="AR40" s="93">
        <v>3.6999999999999998E-2</v>
      </c>
      <c r="AS40" s="94">
        <v>1.397474786793693E-2</v>
      </c>
    </row>
    <row r="41" spans="1:45">
      <c r="A41" s="49" t="s">
        <v>427</v>
      </c>
      <c r="B41" s="103">
        <v>6261</v>
      </c>
      <c r="C41" s="104">
        <v>4.5</v>
      </c>
      <c r="D41" s="105">
        <v>0</v>
      </c>
      <c r="E41" s="106">
        <v>0.217</v>
      </c>
      <c r="F41" s="97">
        <v>1.0418635027486944E-2</v>
      </c>
      <c r="G41" s="106">
        <v>0.24299999999999999</v>
      </c>
      <c r="H41" s="97">
        <v>1.0839769329863832E-2</v>
      </c>
      <c r="I41" s="106">
        <v>0.52</v>
      </c>
      <c r="J41" s="97">
        <v>1.2623860674575754E-2</v>
      </c>
      <c r="K41" s="96">
        <v>1.9E-2</v>
      </c>
      <c r="L41" s="97">
        <v>3.4769186464983387E-3</v>
      </c>
      <c r="M41" s="103">
        <v>6257</v>
      </c>
      <c r="N41" s="104">
        <v>4.7</v>
      </c>
      <c r="O41" s="105">
        <v>0</v>
      </c>
      <c r="P41" s="106">
        <v>0.157</v>
      </c>
      <c r="Q41" s="97">
        <v>9.2006429546284303E-3</v>
      </c>
      <c r="R41" s="106">
        <v>0.248</v>
      </c>
      <c r="S41" s="97">
        <v>1.0917855249911478E-2</v>
      </c>
      <c r="T41" s="106">
        <v>0.57799999999999996</v>
      </c>
      <c r="U41" s="97">
        <v>1.2483466692049821E-2</v>
      </c>
      <c r="V41" s="96">
        <v>1.7000000000000001E-2</v>
      </c>
      <c r="W41" s="97">
        <v>3.2964569432908705E-3</v>
      </c>
      <c r="X41" s="103">
        <v>6236</v>
      </c>
      <c r="Y41" s="104">
        <v>4.0999999999999996</v>
      </c>
      <c r="Z41" s="105">
        <v>0</v>
      </c>
      <c r="AA41" s="106">
        <v>0.28199999999999997</v>
      </c>
      <c r="AB41" s="97">
        <v>1.1394356134329583E-2</v>
      </c>
      <c r="AC41" s="106">
        <v>0.26300000000000001</v>
      </c>
      <c r="AD41" s="97">
        <v>1.1148846912258439E-2</v>
      </c>
      <c r="AE41" s="106">
        <v>0.38800000000000001</v>
      </c>
      <c r="AF41" s="97">
        <v>1.2337977561920257E-2</v>
      </c>
      <c r="AG41" s="96">
        <v>6.7000000000000004E-2</v>
      </c>
      <c r="AH41" s="97">
        <v>6.3423330188842305E-3</v>
      </c>
      <c r="AI41" s="103">
        <v>6234</v>
      </c>
      <c r="AJ41" s="104">
        <v>4.8</v>
      </c>
      <c r="AK41" s="105">
        <v>0</v>
      </c>
      <c r="AL41" s="106">
        <v>0.151</v>
      </c>
      <c r="AM41" s="97">
        <v>9.0722282542235345E-3</v>
      </c>
      <c r="AN41" s="106">
        <v>0.248</v>
      </c>
      <c r="AO41" s="97">
        <v>1.0937972993519184E-2</v>
      </c>
      <c r="AP41" s="106">
        <v>0.58599999999999997</v>
      </c>
      <c r="AQ41" s="97">
        <v>1.2472823475744146E-2</v>
      </c>
      <c r="AR41" s="96">
        <v>1.4999999999999999E-2</v>
      </c>
      <c r="AS41" s="97">
        <v>3.1092711101947572E-3</v>
      </c>
    </row>
    <row r="42" spans="1:45">
      <c r="A42" s="53" t="s">
        <v>428</v>
      </c>
      <c r="B42" s="99">
        <v>2320</v>
      </c>
      <c r="C42" s="100">
        <v>4.3</v>
      </c>
      <c r="D42" s="101">
        <v>0</v>
      </c>
      <c r="E42" s="102">
        <v>0.23899999999999999</v>
      </c>
      <c r="F42" s="94">
        <v>1.7704463000718228E-2</v>
      </c>
      <c r="G42" s="102">
        <v>0.28399999999999997</v>
      </c>
      <c r="H42" s="94">
        <v>1.8715391129331394E-2</v>
      </c>
      <c r="I42" s="102">
        <v>0.46800000000000003</v>
      </c>
      <c r="J42" s="94">
        <v>2.0701115484734092E-2</v>
      </c>
      <c r="K42" s="93">
        <v>8.0000000000000002E-3</v>
      </c>
      <c r="L42" s="94">
        <v>3.8848639784961735E-3</v>
      </c>
      <c r="M42" s="99">
        <v>2318</v>
      </c>
      <c r="N42" s="100">
        <v>4.5999999999999996</v>
      </c>
      <c r="O42" s="101">
        <v>0</v>
      </c>
      <c r="P42" s="102">
        <v>0.17299999999999999</v>
      </c>
      <c r="Q42" s="94">
        <v>1.5719279723119723E-2</v>
      </c>
      <c r="R42" s="102">
        <v>0.27400000000000002</v>
      </c>
      <c r="S42" s="94">
        <v>1.8519716005092664E-2</v>
      </c>
      <c r="T42" s="102">
        <v>0.55000000000000004</v>
      </c>
      <c r="U42" s="94">
        <v>2.0648763014573836E-2</v>
      </c>
      <c r="V42" s="93">
        <v>4.0000000000000001E-3</v>
      </c>
      <c r="W42" s="94">
        <v>2.8847725445578162E-3</v>
      </c>
      <c r="X42" s="99">
        <v>2315</v>
      </c>
      <c r="Y42" s="100">
        <v>4.2</v>
      </c>
      <c r="Z42" s="101">
        <v>0</v>
      </c>
      <c r="AA42" s="102">
        <v>0.27800000000000002</v>
      </c>
      <c r="AB42" s="94">
        <v>1.8614626134660514E-2</v>
      </c>
      <c r="AC42" s="102">
        <v>0.246</v>
      </c>
      <c r="AD42" s="94">
        <v>1.7897526958688237E-2</v>
      </c>
      <c r="AE42" s="102">
        <v>0.46</v>
      </c>
      <c r="AF42" s="94">
        <v>2.0699518250854879E-2</v>
      </c>
      <c r="AG42" s="93">
        <v>1.6E-2</v>
      </c>
      <c r="AH42" s="94">
        <v>5.343150302964483E-3</v>
      </c>
      <c r="AI42" s="99">
        <v>2310</v>
      </c>
      <c r="AJ42" s="100">
        <v>4.7</v>
      </c>
      <c r="AK42" s="101">
        <v>0</v>
      </c>
      <c r="AL42" s="102">
        <v>0.14599999999999999</v>
      </c>
      <c r="AM42" s="94">
        <v>1.4706395938220748E-2</v>
      </c>
      <c r="AN42" s="102">
        <v>0.27700000000000002</v>
      </c>
      <c r="AO42" s="94">
        <v>1.8614163404539155E-2</v>
      </c>
      <c r="AP42" s="102">
        <v>0.57299999999999995</v>
      </c>
      <c r="AQ42" s="94">
        <v>2.0566287523908888E-2</v>
      </c>
      <c r="AR42" s="93">
        <v>4.0000000000000001E-3</v>
      </c>
      <c r="AS42" s="94">
        <v>2.8906296818685443E-3</v>
      </c>
    </row>
    <row r="43" spans="1:45">
      <c r="A43" s="49" t="s">
        <v>429</v>
      </c>
      <c r="B43" s="103">
        <v>559</v>
      </c>
      <c r="C43" s="104">
        <v>4.5</v>
      </c>
      <c r="D43" s="105">
        <v>0.19600000000000001</v>
      </c>
      <c r="E43" s="106">
        <v>0.20899999999999999</v>
      </c>
      <c r="F43" s="97">
        <v>3.4395878132763548E-2</v>
      </c>
      <c r="G43" s="106">
        <v>0.28399999999999997</v>
      </c>
      <c r="H43" s="97">
        <v>3.8071131666616409E-2</v>
      </c>
      <c r="I43" s="106">
        <v>0.498</v>
      </c>
      <c r="J43" s="97">
        <v>4.2144642808880514E-2</v>
      </c>
      <c r="K43" s="96">
        <v>8.9999999999999993E-3</v>
      </c>
      <c r="L43" s="97">
        <v>9.3605472680714005E-3</v>
      </c>
      <c r="M43" s="103">
        <v>558</v>
      </c>
      <c r="N43" s="104">
        <v>4.7</v>
      </c>
      <c r="O43" s="105">
        <v>0.19600000000000001</v>
      </c>
      <c r="P43" s="106">
        <v>0.16</v>
      </c>
      <c r="Q43" s="97">
        <v>3.1116781016437549E-2</v>
      </c>
      <c r="R43" s="106">
        <v>0.29499999999999998</v>
      </c>
      <c r="S43" s="97">
        <v>3.8529102716871141E-2</v>
      </c>
      <c r="T43" s="106">
        <v>0.54</v>
      </c>
      <c r="U43" s="97">
        <v>4.2049174292783827E-2</v>
      </c>
      <c r="V43" s="96">
        <v>4.0000000000000001E-3</v>
      </c>
      <c r="W43" s="97">
        <v>7.2933179863643935E-3</v>
      </c>
      <c r="X43" s="103">
        <v>558</v>
      </c>
      <c r="Y43" s="104">
        <v>4.3</v>
      </c>
      <c r="Z43" s="105">
        <v>0.19600000000000001</v>
      </c>
      <c r="AA43" s="106">
        <v>0.27700000000000002</v>
      </c>
      <c r="AB43" s="97">
        <v>3.7821115470968995E-2</v>
      </c>
      <c r="AC43" s="106">
        <v>0.21099999999999999</v>
      </c>
      <c r="AD43" s="97">
        <v>3.4544692804233952E-2</v>
      </c>
      <c r="AE43" s="106">
        <v>0.502</v>
      </c>
      <c r="AF43" s="97">
        <v>4.2182121386616298E-2</v>
      </c>
      <c r="AG43" s="96">
        <v>8.9999999999999993E-3</v>
      </c>
      <c r="AH43" s="97">
        <v>9.3711700485854289E-3</v>
      </c>
      <c r="AI43" s="103">
        <v>557</v>
      </c>
      <c r="AJ43" s="104">
        <v>4.8</v>
      </c>
      <c r="AK43" s="105">
        <v>0.19600000000000001</v>
      </c>
      <c r="AL43" s="106">
        <v>0.128</v>
      </c>
      <c r="AM43" s="97">
        <v>2.8457975410295391E-2</v>
      </c>
      <c r="AN43" s="106">
        <v>0.27800000000000002</v>
      </c>
      <c r="AO43" s="97">
        <v>3.7896217845002682E-2</v>
      </c>
      <c r="AP43" s="106">
        <v>0.59199999999999997</v>
      </c>
      <c r="AQ43" s="97">
        <v>4.1509509118551079E-2</v>
      </c>
      <c r="AR43" s="96">
        <v>1E-3</v>
      </c>
      <c r="AS43" s="97">
        <v>5.6877499269954133E-3</v>
      </c>
    </row>
    <row r="44" spans="1:45">
      <c r="A44" s="53" t="s">
        <v>430</v>
      </c>
      <c r="B44" s="99">
        <v>1474</v>
      </c>
      <c r="C44" s="100">
        <v>4.3</v>
      </c>
      <c r="D44" s="101">
        <v>0</v>
      </c>
      <c r="E44" s="102">
        <v>0.24199999999999999</v>
      </c>
      <c r="F44" s="94">
        <v>2.2302860896879741E-2</v>
      </c>
      <c r="G44" s="102">
        <v>0.29899999999999999</v>
      </c>
      <c r="H44" s="94">
        <v>2.3829422198996562E-2</v>
      </c>
      <c r="I44" s="102">
        <v>0.45100000000000001</v>
      </c>
      <c r="J44" s="94">
        <v>2.5886814024465226E-2</v>
      </c>
      <c r="K44" s="93">
        <v>8.0000000000000002E-3</v>
      </c>
      <c r="L44" s="94">
        <v>5.0018810150954116E-3</v>
      </c>
      <c r="M44" s="99">
        <v>1474</v>
      </c>
      <c r="N44" s="100">
        <v>4.5999999999999996</v>
      </c>
      <c r="O44" s="101">
        <v>0</v>
      </c>
      <c r="P44" s="102">
        <v>0.184</v>
      </c>
      <c r="Q44" s="94">
        <v>2.0194169845137264E-2</v>
      </c>
      <c r="R44" s="102">
        <v>0.27</v>
      </c>
      <c r="S44" s="94">
        <v>2.3112711147100135E-2</v>
      </c>
      <c r="T44" s="102">
        <v>0.54300000000000004</v>
      </c>
      <c r="U44" s="94">
        <v>2.5915496828138145E-2</v>
      </c>
      <c r="V44" s="93">
        <v>4.0000000000000001E-3</v>
      </c>
      <c r="W44" s="94">
        <v>3.7922411285746418E-3</v>
      </c>
      <c r="X44" s="99">
        <v>1471</v>
      </c>
      <c r="Y44" s="100">
        <v>4.2</v>
      </c>
      <c r="Z44" s="101">
        <v>0</v>
      </c>
      <c r="AA44" s="102">
        <v>0.27800000000000002</v>
      </c>
      <c r="AB44" s="94">
        <v>2.3346059260599229E-2</v>
      </c>
      <c r="AC44" s="102">
        <v>0.26800000000000002</v>
      </c>
      <c r="AD44" s="94">
        <v>2.3082315834039361E-2</v>
      </c>
      <c r="AE44" s="102">
        <v>0.437</v>
      </c>
      <c r="AF44" s="94">
        <v>2.5831395827863202E-2</v>
      </c>
      <c r="AG44" s="93">
        <v>1.7000000000000001E-2</v>
      </c>
      <c r="AH44" s="94">
        <v>6.9817351279765488E-3</v>
      </c>
      <c r="AI44" s="99">
        <v>1470</v>
      </c>
      <c r="AJ44" s="100">
        <v>4.7</v>
      </c>
      <c r="AK44" s="101">
        <v>0</v>
      </c>
      <c r="AL44" s="102">
        <v>0.14699999999999999</v>
      </c>
      <c r="AM44" s="94">
        <v>1.8496131561547547E-2</v>
      </c>
      <c r="AN44" s="102">
        <v>0.28299999999999997</v>
      </c>
      <c r="AO44" s="94">
        <v>2.3480482062550097E-2</v>
      </c>
      <c r="AP44" s="102">
        <v>0.56499999999999995</v>
      </c>
      <c r="AQ44" s="94">
        <v>2.5826784435262221E-2</v>
      </c>
      <c r="AR44" s="93">
        <v>5.0000000000000001E-3</v>
      </c>
      <c r="AS44" s="94">
        <v>4.1357711920203682E-3</v>
      </c>
    </row>
    <row r="45" spans="1:45">
      <c r="A45" s="49" t="s">
        <v>431</v>
      </c>
      <c r="B45" s="103">
        <v>213</v>
      </c>
      <c r="C45" s="104">
        <v>4.4000000000000004</v>
      </c>
      <c r="D45" s="105">
        <v>0.19600000000000001</v>
      </c>
      <c r="E45" s="106">
        <v>0.217</v>
      </c>
      <c r="F45" s="97">
        <v>5.6443989945413039E-2</v>
      </c>
      <c r="G45" s="106">
        <v>0.30299999999999999</v>
      </c>
      <c r="H45" s="97">
        <v>6.2602330596578382E-2</v>
      </c>
      <c r="I45" s="106">
        <v>0.47399999999999998</v>
      </c>
      <c r="J45" s="97">
        <v>6.7795938321071947E-2</v>
      </c>
      <c r="K45" s="96">
        <v>6.0000000000000001E-3</v>
      </c>
      <c r="L45" s="97">
        <v>1.6560348972180488E-2</v>
      </c>
      <c r="M45" s="103">
        <v>212</v>
      </c>
      <c r="N45" s="104">
        <v>4.5</v>
      </c>
      <c r="O45" s="105">
        <v>0.19600000000000001</v>
      </c>
      <c r="P45" s="106">
        <v>0.217</v>
      </c>
      <c r="Q45" s="97">
        <v>5.6576692278539141E-2</v>
      </c>
      <c r="R45" s="106">
        <v>0.249</v>
      </c>
      <c r="S45" s="97">
        <v>5.9209415712862583E-2</v>
      </c>
      <c r="T45" s="106">
        <v>0.53100000000000003</v>
      </c>
      <c r="U45" s="97">
        <v>6.7915288061202478E-2</v>
      </c>
      <c r="V45" s="96">
        <v>2E-3</v>
      </c>
      <c r="W45" s="97">
        <v>1.4334808677699399E-2</v>
      </c>
      <c r="X45" s="103">
        <v>212</v>
      </c>
      <c r="Y45" s="104">
        <v>4.0999999999999996</v>
      </c>
      <c r="Z45" s="105">
        <v>0.19600000000000001</v>
      </c>
      <c r="AA45" s="106">
        <v>0.307</v>
      </c>
      <c r="AB45" s="97">
        <v>6.2969395650983528E-2</v>
      </c>
      <c r="AC45" s="106">
        <v>0.253</v>
      </c>
      <c r="AD45" s="97">
        <v>5.9508740478303082E-2</v>
      </c>
      <c r="AE45" s="106">
        <v>0.433</v>
      </c>
      <c r="AF45" s="97">
        <v>6.7450354832780737E-2</v>
      </c>
      <c r="AG45" s="96">
        <v>7.0000000000000001E-3</v>
      </c>
      <c r="AH45" s="97">
        <v>1.714289869047423E-2</v>
      </c>
      <c r="AI45" s="103">
        <v>210</v>
      </c>
      <c r="AJ45" s="104">
        <v>4.5999999999999996</v>
      </c>
      <c r="AK45" s="105">
        <v>0.19600000000000001</v>
      </c>
      <c r="AL45" s="106">
        <v>0.17699999999999999</v>
      </c>
      <c r="AM45" s="97">
        <v>5.2868148377284499E-2</v>
      </c>
      <c r="AN45" s="106">
        <v>0.21099999999999999</v>
      </c>
      <c r="AO45" s="97">
        <v>5.6298951731317992E-2</v>
      </c>
      <c r="AP45" s="106">
        <v>0.61</v>
      </c>
      <c r="AQ45" s="97">
        <v>6.6746571756291867E-2</v>
      </c>
      <c r="AR45" s="96">
        <v>1E-3</v>
      </c>
      <c r="AS45" s="97">
        <v>1.382159609879114E-2</v>
      </c>
    </row>
    <row r="46" spans="1:45">
      <c r="A46" s="53" t="s">
        <v>432</v>
      </c>
      <c r="B46" s="99">
        <v>516</v>
      </c>
      <c r="C46" s="100">
        <v>4</v>
      </c>
      <c r="D46" s="101">
        <v>0.19600000000000001</v>
      </c>
      <c r="E46" s="102">
        <v>0.27800000000000002</v>
      </c>
      <c r="F46" s="94">
        <v>3.9367235417246474E-2</v>
      </c>
      <c r="G46" s="102">
        <v>0.34</v>
      </c>
      <c r="H46" s="94">
        <v>4.1583311312347299E-2</v>
      </c>
      <c r="I46" s="102">
        <v>0.374</v>
      </c>
      <c r="J46" s="94">
        <v>4.2459691903078196E-2</v>
      </c>
      <c r="K46" s="93">
        <v>7.0000000000000001E-3</v>
      </c>
      <c r="L46" s="94">
        <v>9.0621078321437946E-3</v>
      </c>
      <c r="M46" s="99">
        <v>517</v>
      </c>
      <c r="N46" s="100">
        <v>4.4000000000000004</v>
      </c>
      <c r="O46" s="101">
        <v>0.19600000000000001</v>
      </c>
      <c r="P46" s="102">
        <v>0.20899999999999999</v>
      </c>
      <c r="Q46" s="94">
        <v>3.5765743759688384E-2</v>
      </c>
      <c r="R46" s="102">
        <v>0.314</v>
      </c>
      <c r="S46" s="94">
        <v>4.0716536635759949E-2</v>
      </c>
      <c r="T46" s="102">
        <v>0.47499999999999998</v>
      </c>
      <c r="U46" s="94">
        <v>4.3756836380690951E-2</v>
      </c>
      <c r="V46" s="93">
        <v>1E-3</v>
      </c>
      <c r="W46" s="94">
        <v>6.0755035526223796E-3</v>
      </c>
      <c r="X46" s="99">
        <v>515</v>
      </c>
      <c r="Y46" s="100">
        <v>4.0999999999999996</v>
      </c>
      <c r="Z46" s="101">
        <v>0.19600000000000001</v>
      </c>
      <c r="AA46" s="102">
        <v>0.307</v>
      </c>
      <c r="AB46" s="94">
        <v>4.0547595964334486E-2</v>
      </c>
      <c r="AC46" s="102">
        <v>0.22800000000000001</v>
      </c>
      <c r="AD46" s="94">
        <v>3.6950418671528637E-2</v>
      </c>
      <c r="AE46" s="102">
        <v>0.45200000000000001</v>
      </c>
      <c r="AF46" s="94">
        <v>4.3695511300942305E-2</v>
      </c>
      <c r="AG46" s="93">
        <v>1.4E-2</v>
      </c>
      <c r="AH46" s="94">
        <v>1.1590560282049479E-2</v>
      </c>
      <c r="AI46" s="99">
        <v>516</v>
      </c>
      <c r="AJ46" s="100">
        <v>4.5999999999999996</v>
      </c>
      <c r="AK46" s="101">
        <v>0.19600000000000001</v>
      </c>
      <c r="AL46" s="102">
        <v>0.16200000000000001</v>
      </c>
      <c r="AM46" s="94">
        <v>3.2522990684697543E-2</v>
      </c>
      <c r="AN46" s="102">
        <v>0.30499999999999999</v>
      </c>
      <c r="AO46" s="94">
        <v>4.0435870404686672E-2</v>
      </c>
      <c r="AP46" s="102">
        <v>0.53</v>
      </c>
      <c r="AQ46" s="94">
        <v>4.3775106457666822E-2</v>
      </c>
      <c r="AR46" s="93">
        <v>3.0000000000000001E-3</v>
      </c>
      <c r="AS46" s="94">
        <v>7.2199097290216001E-3</v>
      </c>
    </row>
    <row r="47" spans="1:45">
      <c r="A47" s="49" t="s">
        <v>433</v>
      </c>
      <c r="B47" s="103">
        <v>661</v>
      </c>
      <c r="C47" s="104">
        <v>4.4000000000000004</v>
      </c>
      <c r="D47" s="105">
        <v>0.19600000000000001</v>
      </c>
      <c r="E47" s="106">
        <v>0.249</v>
      </c>
      <c r="F47" s="97">
        <v>3.3605820060568004E-2</v>
      </c>
      <c r="G47" s="106">
        <v>0.23499999999999999</v>
      </c>
      <c r="H47" s="97">
        <v>3.2960881005271961E-2</v>
      </c>
      <c r="I47" s="106">
        <v>0.504</v>
      </c>
      <c r="J47" s="97">
        <v>3.8777110673622384E-2</v>
      </c>
      <c r="K47" s="96">
        <v>1.2999999999999999E-2</v>
      </c>
      <c r="L47" s="97">
        <v>9.7102627570160686E-3</v>
      </c>
      <c r="M47" s="103">
        <v>658</v>
      </c>
      <c r="N47" s="104">
        <v>4.7</v>
      </c>
      <c r="O47" s="105">
        <v>0.19600000000000001</v>
      </c>
      <c r="P47" s="106">
        <v>0.17299999999999999</v>
      </c>
      <c r="Q47" s="97">
        <v>2.9534074687552366E-2</v>
      </c>
      <c r="R47" s="106">
        <v>0.27200000000000002</v>
      </c>
      <c r="S47" s="97">
        <v>3.4644705723404175E-2</v>
      </c>
      <c r="T47" s="106">
        <v>0.55100000000000005</v>
      </c>
      <c r="U47" s="97">
        <v>3.8665842210628583E-2</v>
      </c>
      <c r="V47" s="96">
        <v>4.0000000000000001E-3</v>
      </c>
      <c r="W47" s="97">
        <v>6.4793518842032969E-3</v>
      </c>
      <c r="X47" s="103">
        <v>659</v>
      </c>
      <c r="Y47" s="104">
        <v>4.3</v>
      </c>
      <c r="Z47" s="105">
        <v>0.19600000000000001</v>
      </c>
      <c r="AA47" s="106">
        <v>0.252</v>
      </c>
      <c r="AB47" s="97">
        <v>3.3788972561112025E-2</v>
      </c>
      <c r="AC47" s="106">
        <v>0.26500000000000001</v>
      </c>
      <c r="AD47" s="97">
        <v>3.4338335665399074E-2</v>
      </c>
      <c r="AE47" s="106">
        <v>0.46800000000000003</v>
      </c>
      <c r="AF47" s="97">
        <v>3.8758121315835128E-2</v>
      </c>
      <c r="AG47" s="96">
        <v>1.4999999999999999E-2</v>
      </c>
      <c r="AH47" s="97">
        <v>1.0305952733906283E-2</v>
      </c>
      <c r="AI47" s="103">
        <v>658</v>
      </c>
      <c r="AJ47" s="104">
        <v>4.7</v>
      </c>
      <c r="AK47" s="105">
        <v>0.19600000000000001</v>
      </c>
      <c r="AL47" s="106">
        <v>0.13</v>
      </c>
      <c r="AM47" s="97">
        <v>2.6331535151192142E-2</v>
      </c>
      <c r="AN47" s="106">
        <v>0.32800000000000001</v>
      </c>
      <c r="AO47" s="97">
        <v>3.652358675728902E-2</v>
      </c>
      <c r="AP47" s="106">
        <v>0.53300000000000003</v>
      </c>
      <c r="AQ47" s="97">
        <v>3.8782383047161417E-2</v>
      </c>
      <c r="AR47" s="96">
        <v>8.9999999999999993E-3</v>
      </c>
      <c r="AS47" s="97">
        <v>8.4523058046641966E-3</v>
      </c>
    </row>
    <row r="48" spans="1:45">
      <c r="A48" s="45" t="s">
        <v>434</v>
      </c>
      <c r="B48" s="99">
        <v>910</v>
      </c>
      <c r="C48" s="100">
        <v>4.5</v>
      </c>
      <c r="D48" s="101">
        <v>0</v>
      </c>
      <c r="E48" s="102">
        <v>0.19900000000000001</v>
      </c>
      <c r="F48" s="94">
        <v>2.6477377431035426E-2</v>
      </c>
      <c r="G48" s="102">
        <v>0.25800000000000001</v>
      </c>
      <c r="H48" s="94">
        <v>2.8983317735035465E-2</v>
      </c>
      <c r="I48" s="102">
        <v>0.53700000000000003</v>
      </c>
      <c r="J48" s="94">
        <v>3.2987163890037946E-2</v>
      </c>
      <c r="K48" s="93">
        <v>7.0000000000000001E-3</v>
      </c>
      <c r="L48" s="94">
        <v>6.3015709639257338E-3</v>
      </c>
      <c r="M48" s="99">
        <v>911</v>
      </c>
      <c r="N48" s="100">
        <v>5</v>
      </c>
      <c r="O48" s="101">
        <v>0</v>
      </c>
      <c r="P48" s="102">
        <v>0.105</v>
      </c>
      <c r="Q48" s="94">
        <v>2.0414949119263701E-2</v>
      </c>
      <c r="R48" s="102">
        <v>0.245</v>
      </c>
      <c r="S48" s="94">
        <v>2.8480059703494254E-2</v>
      </c>
      <c r="T48" s="102">
        <v>0.64300000000000002</v>
      </c>
      <c r="U48" s="94">
        <v>3.1690401110032893E-2</v>
      </c>
      <c r="V48" s="93">
        <v>6.0000000000000001E-3</v>
      </c>
      <c r="W48" s="94">
        <v>5.9480388927790062E-3</v>
      </c>
      <c r="X48" s="99">
        <v>909</v>
      </c>
      <c r="Y48" s="100">
        <v>4.4000000000000004</v>
      </c>
      <c r="Z48" s="101">
        <v>0</v>
      </c>
      <c r="AA48" s="102">
        <v>0.254</v>
      </c>
      <c r="AB48" s="94">
        <v>2.8852694514109632E-2</v>
      </c>
      <c r="AC48" s="102">
        <v>0.245</v>
      </c>
      <c r="AD48" s="94">
        <v>2.8511331838535464E-2</v>
      </c>
      <c r="AE48" s="102">
        <v>0.47699999999999998</v>
      </c>
      <c r="AF48" s="94">
        <v>3.3060442845107875E-2</v>
      </c>
      <c r="AG48" s="93">
        <v>2.4E-2</v>
      </c>
      <c r="AH48" s="94">
        <v>1.0550038873627775E-2</v>
      </c>
      <c r="AI48" s="99">
        <v>906</v>
      </c>
      <c r="AJ48" s="100">
        <v>4.9000000000000004</v>
      </c>
      <c r="AK48" s="101">
        <v>0</v>
      </c>
      <c r="AL48" s="102">
        <v>0.124</v>
      </c>
      <c r="AM48" s="94">
        <v>2.197542427155064E-2</v>
      </c>
      <c r="AN48" s="102">
        <v>0.23499999999999999</v>
      </c>
      <c r="AO48" s="94">
        <v>2.8158968340586628E-2</v>
      </c>
      <c r="AP48" s="102">
        <v>0.63600000000000001</v>
      </c>
      <c r="AQ48" s="94">
        <v>3.1911019477437297E-2</v>
      </c>
      <c r="AR48" s="93">
        <v>4.0000000000000001E-3</v>
      </c>
      <c r="AS48" s="94">
        <v>5.195951367133589E-3</v>
      </c>
    </row>
    <row r="49" spans="1:45">
      <c r="A49" s="49" t="s">
        <v>435</v>
      </c>
      <c r="B49" s="103">
        <v>675</v>
      </c>
      <c r="C49" s="104">
        <v>4.3</v>
      </c>
      <c r="D49" s="105">
        <v>0.19600000000000001</v>
      </c>
      <c r="E49" s="106">
        <v>0.23799999999999999</v>
      </c>
      <c r="F49" s="97">
        <v>3.2758534046962745E-2</v>
      </c>
      <c r="G49" s="106">
        <v>0.29099999999999998</v>
      </c>
      <c r="H49" s="97">
        <v>3.4906324044699392E-2</v>
      </c>
      <c r="I49" s="106">
        <v>0.46700000000000003</v>
      </c>
      <c r="J49" s="97">
        <v>3.8293786653482632E-2</v>
      </c>
      <c r="K49" s="96">
        <v>5.0000000000000001E-3</v>
      </c>
      <c r="L49" s="97">
        <v>6.8017970092610226E-3</v>
      </c>
      <c r="M49" s="103">
        <v>672</v>
      </c>
      <c r="N49" s="104">
        <v>4.5999999999999996</v>
      </c>
      <c r="O49" s="105">
        <v>0.19600000000000001</v>
      </c>
      <c r="P49" s="106">
        <v>0.19600000000000001</v>
      </c>
      <c r="Q49" s="97">
        <v>3.0641508445836286E-2</v>
      </c>
      <c r="R49" s="106">
        <v>0.27</v>
      </c>
      <c r="S49" s="97">
        <v>3.4204759636870141E-2</v>
      </c>
      <c r="T49" s="106">
        <v>0.53200000000000003</v>
      </c>
      <c r="U49" s="97">
        <v>3.8383619725803376E-2</v>
      </c>
      <c r="V49" s="96">
        <v>2E-3</v>
      </c>
      <c r="W49" s="97">
        <v>5.3968406660194011E-3</v>
      </c>
      <c r="X49" s="103">
        <v>672</v>
      </c>
      <c r="Y49" s="104">
        <v>4.2</v>
      </c>
      <c r="Z49" s="105">
        <v>0.19600000000000001</v>
      </c>
      <c r="AA49" s="106">
        <v>0.27300000000000002</v>
      </c>
      <c r="AB49" s="97">
        <v>3.432174655882636E-2</v>
      </c>
      <c r="AC49" s="106">
        <v>0.25</v>
      </c>
      <c r="AD49" s="97">
        <v>3.3374108296195484E-2</v>
      </c>
      <c r="AE49" s="106">
        <v>0.46100000000000002</v>
      </c>
      <c r="AF49" s="97">
        <v>3.8345744673811265E-2</v>
      </c>
      <c r="AG49" s="96">
        <v>1.6E-2</v>
      </c>
      <c r="AH49" s="97">
        <v>1.0464948087273452E-2</v>
      </c>
      <c r="AI49" s="103">
        <v>674</v>
      </c>
      <c r="AJ49" s="104">
        <v>4.7</v>
      </c>
      <c r="AK49" s="105">
        <v>0.19600000000000001</v>
      </c>
      <c r="AL49" s="106">
        <v>0.14899999999999999</v>
      </c>
      <c r="AM49" s="97">
        <v>2.7506868106366291E-2</v>
      </c>
      <c r="AN49" s="106">
        <v>0.253</v>
      </c>
      <c r="AO49" s="97">
        <v>3.3454829908722741E-2</v>
      </c>
      <c r="AP49" s="106">
        <v>0.59499999999999997</v>
      </c>
      <c r="AQ49" s="97">
        <v>3.7713496527561514E-2</v>
      </c>
      <c r="AR49" s="96">
        <v>3.0000000000000001E-3</v>
      </c>
      <c r="AS49" s="97">
        <v>5.8983338222604459E-3</v>
      </c>
    </row>
    <row r="50" spans="1:45">
      <c r="A50" s="53" t="s">
        <v>436</v>
      </c>
      <c r="B50" s="83">
        <v>123</v>
      </c>
      <c r="C50" s="84">
        <v>4.2</v>
      </c>
      <c r="D50" s="85">
        <v>0.19600000000000001</v>
      </c>
      <c r="E50" s="98">
        <v>0.29899999999999999</v>
      </c>
      <c r="F50" s="94">
        <v>8.1733938827222172E-2</v>
      </c>
      <c r="G50" s="98">
        <v>0.25600000000000001</v>
      </c>
      <c r="H50" s="94">
        <v>7.8199268857463436E-2</v>
      </c>
      <c r="I50" s="98">
        <v>0.42799999999999999</v>
      </c>
      <c r="J50" s="94">
        <v>8.7868442937955274E-2</v>
      </c>
      <c r="K50" s="98">
        <v>1.6E-2</v>
      </c>
      <c r="L50" s="94">
        <v>3.0875875988237336E-2</v>
      </c>
      <c r="M50" s="83">
        <v>122</v>
      </c>
      <c r="N50" s="84">
        <v>4.4000000000000004</v>
      </c>
      <c r="O50" s="85">
        <v>0.19600000000000001</v>
      </c>
      <c r="P50" s="98">
        <v>0.23200000000000001</v>
      </c>
      <c r="Q50" s="94">
        <v>7.6150200154950845E-2</v>
      </c>
      <c r="R50" s="98">
        <v>0.317</v>
      </c>
      <c r="S50" s="94">
        <v>8.3305430594793048E-2</v>
      </c>
      <c r="T50" s="98">
        <v>0.439</v>
      </c>
      <c r="U50" s="94">
        <v>8.8463337201004327E-2</v>
      </c>
      <c r="V50" s="98">
        <v>1.2E-2</v>
      </c>
      <c r="W50" s="94">
        <v>2.9133654753055224E-2</v>
      </c>
      <c r="X50" s="83">
        <v>123</v>
      </c>
      <c r="Y50" s="84">
        <v>4</v>
      </c>
      <c r="Z50" s="85">
        <v>0.19600000000000001</v>
      </c>
      <c r="AA50" s="98">
        <v>0.40200000000000002</v>
      </c>
      <c r="AB50" s="94">
        <v>8.7122223710602478E-2</v>
      </c>
      <c r="AC50" s="98">
        <v>0.221</v>
      </c>
      <c r="AD50" s="94">
        <v>7.4661472561903808E-2</v>
      </c>
      <c r="AE50" s="98">
        <v>0.36099999999999999</v>
      </c>
      <c r="AF50" s="94">
        <v>8.5458818077888063E-2</v>
      </c>
      <c r="AG50" s="98">
        <v>1.4999999999999999E-2</v>
      </c>
      <c r="AH50" s="94">
        <v>3.040875297111886E-2</v>
      </c>
      <c r="AI50" s="83">
        <v>123</v>
      </c>
      <c r="AJ50" s="84">
        <v>4.3</v>
      </c>
      <c r="AK50" s="85">
        <v>0.19600000000000001</v>
      </c>
      <c r="AL50" s="98">
        <v>0.29599999999999999</v>
      </c>
      <c r="AM50" s="94">
        <v>8.1514057946142429E-2</v>
      </c>
      <c r="AN50" s="98">
        <v>0.29399999999999998</v>
      </c>
      <c r="AO50" s="94">
        <v>8.1365325134473393E-2</v>
      </c>
      <c r="AP50" s="98">
        <v>0.39900000000000002</v>
      </c>
      <c r="AQ50" s="94">
        <v>8.7020942952148878E-2</v>
      </c>
      <c r="AR50" s="98">
        <v>1.2E-2</v>
      </c>
      <c r="AS50" s="94">
        <v>2.8956093577568696E-2</v>
      </c>
    </row>
    <row r="51" spans="1:45">
      <c r="A51" s="49" t="s">
        <v>437</v>
      </c>
      <c r="B51" s="103">
        <v>136</v>
      </c>
      <c r="C51" s="104">
        <v>4.3</v>
      </c>
      <c r="D51" s="105">
        <v>0.19600000000000001</v>
      </c>
      <c r="E51" s="106">
        <v>0.26700000000000002</v>
      </c>
      <c r="F51" s="97">
        <v>7.5359881524855343E-2</v>
      </c>
      <c r="G51" s="106">
        <v>0.314</v>
      </c>
      <c r="H51" s="97">
        <v>7.8804037723431627E-2</v>
      </c>
      <c r="I51" s="106">
        <v>0.41199999999999998</v>
      </c>
      <c r="J51" s="97">
        <v>8.3271019251780029E-2</v>
      </c>
      <c r="K51" s="96">
        <v>7.0000000000000001E-3</v>
      </c>
      <c r="L51" s="97">
        <v>2.428468473207843E-2</v>
      </c>
      <c r="M51" s="103">
        <v>135</v>
      </c>
      <c r="N51" s="104">
        <v>4.7</v>
      </c>
      <c r="O51" s="105">
        <v>0.19600000000000001</v>
      </c>
      <c r="P51" s="106">
        <v>0.218</v>
      </c>
      <c r="Q51" s="97">
        <v>7.0961954724534426E-2</v>
      </c>
      <c r="R51" s="106">
        <v>0.20899999999999999</v>
      </c>
      <c r="S51" s="97">
        <v>6.9968667408156812E-2</v>
      </c>
      <c r="T51" s="106">
        <v>0.57099999999999995</v>
      </c>
      <c r="U51" s="97">
        <v>8.400838515381541E-2</v>
      </c>
      <c r="V51" s="96">
        <v>3.0000000000000001E-3</v>
      </c>
      <c r="W51" s="97">
        <v>2.2119878486184612E-2</v>
      </c>
      <c r="X51" s="103">
        <v>135</v>
      </c>
      <c r="Y51" s="104">
        <v>4.2</v>
      </c>
      <c r="Z51" s="105">
        <v>0.19600000000000001</v>
      </c>
      <c r="AA51" s="106">
        <v>0.35</v>
      </c>
      <c r="AB51" s="97">
        <v>8.1138717962506865E-2</v>
      </c>
      <c r="AC51" s="106">
        <v>0.224</v>
      </c>
      <c r="AD51" s="97">
        <v>7.1599434861054662E-2</v>
      </c>
      <c r="AE51" s="106">
        <v>0.41</v>
      </c>
      <c r="AF51" s="97">
        <v>8.3512714634948332E-2</v>
      </c>
      <c r="AG51" s="96">
        <v>1.4999999999999999E-2</v>
      </c>
      <c r="AH51" s="97">
        <v>2.8445751103864131E-2</v>
      </c>
      <c r="AI51" s="103">
        <v>135</v>
      </c>
      <c r="AJ51" s="104">
        <v>5.0999999999999996</v>
      </c>
      <c r="AK51" s="105">
        <v>0.19600000000000001</v>
      </c>
      <c r="AL51" s="106">
        <v>9.4E-2</v>
      </c>
      <c r="AM51" s="97">
        <v>5.2152091068867326E-2</v>
      </c>
      <c r="AN51" s="106">
        <v>0.20799999999999999</v>
      </c>
      <c r="AO51" s="97">
        <v>6.98554874629672E-2</v>
      </c>
      <c r="AP51" s="106">
        <v>0.68899999999999995</v>
      </c>
      <c r="AQ51" s="97">
        <v>7.8896217015837586E-2</v>
      </c>
      <c r="AR51" s="96">
        <v>8.9999999999999993E-3</v>
      </c>
      <c r="AS51" s="97">
        <v>2.5499060667719269E-2</v>
      </c>
    </row>
    <row r="52" spans="1:45">
      <c r="A52" s="57" t="s">
        <v>438</v>
      </c>
      <c r="B52" s="99">
        <v>230</v>
      </c>
      <c r="C52" s="100">
        <v>4.7</v>
      </c>
      <c r="D52" s="101">
        <v>0.19600000000000001</v>
      </c>
      <c r="E52" s="102">
        <v>0.14299999999999999</v>
      </c>
      <c r="F52" s="94">
        <v>4.6569677504963707E-2</v>
      </c>
      <c r="G52" s="102">
        <v>0.24199999999999999</v>
      </c>
      <c r="H52" s="94">
        <v>5.6340272967503345E-2</v>
      </c>
      <c r="I52" s="102">
        <v>0.61</v>
      </c>
      <c r="J52" s="94">
        <v>6.3825367987742451E-2</v>
      </c>
      <c r="K52" s="93">
        <v>5.0000000000000001E-3</v>
      </c>
      <c r="L52" s="94">
        <v>1.5066987427823945E-2</v>
      </c>
      <c r="M52" s="99">
        <v>230</v>
      </c>
      <c r="N52" s="100">
        <v>4.8</v>
      </c>
      <c r="O52" s="101">
        <v>0.19600000000000001</v>
      </c>
      <c r="P52" s="102">
        <v>8.1000000000000003E-2</v>
      </c>
      <c r="Q52" s="94">
        <v>3.7069992839665722E-2</v>
      </c>
      <c r="R52" s="102">
        <v>0.29899999999999999</v>
      </c>
      <c r="S52" s="94">
        <v>6.0052459314420242E-2</v>
      </c>
      <c r="T52" s="102">
        <v>0.61099999999999999</v>
      </c>
      <c r="U52" s="94">
        <v>6.3796770074210168E-2</v>
      </c>
      <c r="V52" s="93">
        <v>8.9999999999999993E-3</v>
      </c>
      <c r="W52" s="94">
        <v>1.709232861118129E-2</v>
      </c>
      <c r="X52" s="99">
        <v>230</v>
      </c>
      <c r="Y52" s="100">
        <v>4.4000000000000004</v>
      </c>
      <c r="Z52" s="101">
        <v>0.19600000000000001</v>
      </c>
      <c r="AA52" s="102">
        <v>0.26800000000000002</v>
      </c>
      <c r="AB52" s="94">
        <v>5.8177507488423881E-2</v>
      </c>
      <c r="AC52" s="102">
        <v>0.13800000000000001</v>
      </c>
      <c r="AD52" s="94">
        <v>4.5927822412333896E-2</v>
      </c>
      <c r="AE52" s="102">
        <v>0.57799999999999996</v>
      </c>
      <c r="AF52" s="94">
        <v>6.459898946342818E-2</v>
      </c>
      <c r="AG52" s="93">
        <v>1.6E-2</v>
      </c>
      <c r="AH52" s="94">
        <v>2.0121129457936756E-2</v>
      </c>
      <c r="AI52" s="99">
        <v>227</v>
      </c>
      <c r="AJ52" s="100">
        <v>4.8</v>
      </c>
      <c r="AK52" s="101">
        <v>0.19600000000000001</v>
      </c>
      <c r="AL52" s="102">
        <v>0.114</v>
      </c>
      <c r="AM52" s="94">
        <v>4.2866824679917516E-2</v>
      </c>
      <c r="AN52" s="102">
        <v>0.248</v>
      </c>
      <c r="AO52" s="94">
        <v>5.7158734154363094E-2</v>
      </c>
      <c r="AP52" s="102">
        <v>0.63200000000000001</v>
      </c>
      <c r="AQ52" s="94">
        <v>6.3542494092741639E-2</v>
      </c>
      <c r="AR52" s="93">
        <v>6.0000000000000001E-3</v>
      </c>
      <c r="AS52" s="94">
        <v>1.5759167118143392E-2</v>
      </c>
    </row>
    <row r="53" spans="1:45">
      <c r="A53" s="49" t="s">
        <v>439</v>
      </c>
      <c r="B53" s="103">
        <v>378</v>
      </c>
      <c r="C53" s="104">
        <v>4.2</v>
      </c>
      <c r="D53" s="105">
        <v>0.19600000000000001</v>
      </c>
      <c r="E53" s="106">
        <v>0.248</v>
      </c>
      <c r="F53" s="97">
        <v>4.4347386842219623E-2</v>
      </c>
      <c r="G53" s="106">
        <v>0.30499999999999999</v>
      </c>
      <c r="H53" s="97">
        <v>4.7200936829034708E-2</v>
      </c>
      <c r="I53" s="106">
        <v>0.438</v>
      </c>
      <c r="J53" s="97">
        <v>5.0777832606058185E-2</v>
      </c>
      <c r="K53" s="96">
        <v>8.9999999999999993E-3</v>
      </c>
      <c r="L53" s="97">
        <v>1.2082345373354026E-2</v>
      </c>
      <c r="M53" s="103">
        <v>379</v>
      </c>
      <c r="N53" s="104">
        <v>4.7</v>
      </c>
      <c r="O53" s="105">
        <v>0.19600000000000001</v>
      </c>
      <c r="P53" s="106">
        <v>0.182</v>
      </c>
      <c r="Q53" s="97">
        <v>3.9708759663029294E-2</v>
      </c>
      <c r="R53" s="106">
        <v>0.221</v>
      </c>
      <c r="S53" s="97">
        <v>4.260161327905742E-2</v>
      </c>
      <c r="T53" s="106">
        <v>0.59699999999999998</v>
      </c>
      <c r="U53" s="97">
        <v>5.0147199131674522E-2</v>
      </c>
      <c r="V53" s="96">
        <v>1E-3</v>
      </c>
      <c r="W53" s="97">
        <v>8.0292582883958082E-3</v>
      </c>
      <c r="X53" s="103">
        <v>378</v>
      </c>
      <c r="Y53" s="104">
        <v>4.3</v>
      </c>
      <c r="Z53" s="105">
        <v>0.19600000000000001</v>
      </c>
      <c r="AA53" s="106">
        <v>0.23499999999999999</v>
      </c>
      <c r="AB53" s="97">
        <v>4.3563515731960184E-2</v>
      </c>
      <c r="AC53" s="106">
        <v>0.308</v>
      </c>
      <c r="AD53" s="97">
        <v>4.7326865946232088E-2</v>
      </c>
      <c r="AE53" s="106">
        <v>0.44800000000000001</v>
      </c>
      <c r="AF53" s="97">
        <v>5.0892796864205274E-2</v>
      </c>
      <c r="AG53" s="96">
        <v>8.9999999999999993E-3</v>
      </c>
      <c r="AH53" s="97">
        <v>1.2082345373354026E-2</v>
      </c>
      <c r="AI53" s="103">
        <v>378</v>
      </c>
      <c r="AJ53" s="104">
        <v>4.5999999999999996</v>
      </c>
      <c r="AK53" s="105">
        <v>0.19600000000000001</v>
      </c>
      <c r="AL53" s="106">
        <v>0.125</v>
      </c>
      <c r="AM53" s="97">
        <v>3.42923384041229E-2</v>
      </c>
      <c r="AN53" s="106">
        <v>0.34799999999999998</v>
      </c>
      <c r="AO53" s="97">
        <v>4.8794613913913279E-2</v>
      </c>
      <c r="AP53" s="106">
        <v>0.52500000000000002</v>
      </c>
      <c r="AQ53" s="97">
        <v>5.1101789445867386E-2</v>
      </c>
      <c r="AR53" s="96">
        <v>2E-3</v>
      </c>
      <c r="AS53" s="97">
        <v>8.6603195541449986E-3</v>
      </c>
    </row>
    <row r="54" spans="1:45">
      <c r="A54" s="57" t="s">
        <v>440</v>
      </c>
      <c r="B54" s="99">
        <v>385</v>
      </c>
      <c r="C54" s="100">
        <v>4.4000000000000004</v>
      </c>
      <c r="D54" s="101">
        <v>0.19600000000000001</v>
      </c>
      <c r="E54" s="102">
        <v>0.21199999999999999</v>
      </c>
      <c r="F54" s="94">
        <v>4.1656326692447836E-2</v>
      </c>
      <c r="G54" s="102">
        <v>0.315</v>
      </c>
      <c r="H54" s="94">
        <v>4.7180148895587588E-2</v>
      </c>
      <c r="I54" s="102">
        <v>0.46500000000000002</v>
      </c>
      <c r="J54" s="94">
        <v>5.0580187884564649E-2</v>
      </c>
      <c r="K54" s="93">
        <v>8.0000000000000002E-3</v>
      </c>
      <c r="L54" s="94">
        <v>1.1512186543105242E-2</v>
      </c>
      <c r="M54" s="99">
        <v>386</v>
      </c>
      <c r="N54" s="100">
        <v>4.5999999999999996</v>
      </c>
      <c r="O54" s="101">
        <v>0.19600000000000001</v>
      </c>
      <c r="P54" s="102">
        <v>0.14599999999999999</v>
      </c>
      <c r="Q54" s="94">
        <v>3.6125337671058161E-2</v>
      </c>
      <c r="R54" s="102">
        <v>0.316</v>
      </c>
      <c r="S54" s="94">
        <v>4.7158752142520091E-2</v>
      </c>
      <c r="T54" s="102">
        <v>0.53600000000000003</v>
      </c>
      <c r="U54" s="94">
        <v>5.0508232208836816E-2</v>
      </c>
      <c r="V54" s="93">
        <v>2E-3</v>
      </c>
      <c r="W54" s="94">
        <v>8.5077177739114034E-3</v>
      </c>
      <c r="X54" s="99">
        <v>384</v>
      </c>
      <c r="Y54" s="100">
        <v>4.4000000000000004</v>
      </c>
      <c r="Z54" s="101">
        <v>0.19600000000000001</v>
      </c>
      <c r="AA54" s="102">
        <v>0.23699999999999999</v>
      </c>
      <c r="AB54" s="94">
        <v>4.3345865518570739E-2</v>
      </c>
      <c r="AC54" s="102">
        <v>0.251</v>
      </c>
      <c r="AD54" s="94">
        <v>4.4172900867528522E-2</v>
      </c>
      <c r="AE54" s="102">
        <v>0.49299999999999999</v>
      </c>
      <c r="AF54" s="94">
        <v>5.0762434879158526E-2</v>
      </c>
      <c r="AG54" s="93">
        <v>1.9E-2</v>
      </c>
      <c r="AH54" s="94">
        <v>1.5526744657698809E-2</v>
      </c>
      <c r="AI54" s="99">
        <v>383</v>
      </c>
      <c r="AJ54" s="100">
        <v>4.8</v>
      </c>
      <c r="AK54" s="101">
        <v>0.19600000000000001</v>
      </c>
      <c r="AL54" s="102">
        <v>0.11899999999999999</v>
      </c>
      <c r="AM54" s="94">
        <v>3.338356470472207E-2</v>
      </c>
      <c r="AN54" s="102">
        <v>0.307</v>
      </c>
      <c r="AO54" s="94">
        <v>4.6977593846954976E-2</v>
      </c>
      <c r="AP54" s="102">
        <v>0.57099999999999995</v>
      </c>
      <c r="AQ54" s="94">
        <v>5.0328396306188891E-2</v>
      </c>
      <c r="AR54" s="93">
        <v>4.0000000000000001E-3</v>
      </c>
      <c r="AS54" s="94">
        <v>9.6680404722573575E-3</v>
      </c>
    </row>
    <row r="55" spans="1:45">
      <c r="A55" s="103" t="s">
        <v>441</v>
      </c>
      <c r="B55" s="103">
        <v>266</v>
      </c>
      <c r="C55" s="104">
        <v>4</v>
      </c>
      <c r="D55" s="105">
        <v>0.19600000000000001</v>
      </c>
      <c r="E55" s="106">
        <v>0.34100000000000003</v>
      </c>
      <c r="F55" s="97">
        <v>5.7794337544586918E-2</v>
      </c>
      <c r="G55" s="106">
        <v>0.23799999999999999</v>
      </c>
      <c r="H55" s="97">
        <v>5.212162846689998E-2</v>
      </c>
      <c r="I55" s="106">
        <v>0.39900000000000002</v>
      </c>
      <c r="J55" s="97">
        <v>5.9640778114163601E-2</v>
      </c>
      <c r="K55" s="96">
        <v>2.1999999999999999E-2</v>
      </c>
      <c r="L55" s="97">
        <v>2.0452564419968077E-2</v>
      </c>
      <c r="M55" s="103">
        <v>267</v>
      </c>
      <c r="N55" s="104">
        <v>4.5</v>
      </c>
      <c r="O55" s="105">
        <v>0.19600000000000001</v>
      </c>
      <c r="P55" s="106">
        <v>0.17</v>
      </c>
      <c r="Q55" s="97">
        <v>4.6149290069093539E-2</v>
      </c>
      <c r="R55" s="106">
        <v>0.33200000000000002</v>
      </c>
      <c r="S55" s="97">
        <v>5.7320621132579866E-2</v>
      </c>
      <c r="T55" s="106">
        <v>0.49</v>
      </c>
      <c r="U55" s="97">
        <v>6.0733879642526009E-2</v>
      </c>
      <c r="V55" s="96">
        <v>8.0000000000000002E-3</v>
      </c>
      <c r="W55" s="97">
        <v>1.4893998990254599E-2</v>
      </c>
      <c r="X55" s="103">
        <v>266</v>
      </c>
      <c r="Y55" s="104">
        <v>3.8</v>
      </c>
      <c r="Z55" s="105">
        <v>0.19600000000000001</v>
      </c>
      <c r="AA55" s="106">
        <v>0.35899999999999999</v>
      </c>
      <c r="AB55" s="97">
        <v>5.8462232596320843E-2</v>
      </c>
      <c r="AC55" s="106">
        <v>0.24199999999999999</v>
      </c>
      <c r="AD55" s="97">
        <v>5.2407754202054603E-2</v>
      </c>
      <c r="AE55" s="106">
        <v>0.38200000000000001</v>
      </c>
      <c r="AF55" s="97">
        <v>5.9190277847960319E-2</v>
      </c>
      <c r="AG55" s="96">
        <v>1.7000000000000001E-2</v>
      </c>
      <c r="AH55" s="97">
        <v>1.8687315837361555E-2</v>
      </c>
      <c r="AI55" s="103">
        <v>263</v>
      </c>
      <c r="AJ55" s="104">
        <v>4.5</v>
      </c>
      <c r="AK55" s="105">
        <v>0.19600000000000001</v>
      </c>
      <c r="AL55" s="106">
        <v>0.19700000000000001</v>
      </c>
      <c r="AM55" s="97">
        <v>4.9099947898332802E-2</v>
      </c>
      <c r="AN55" s="106">
        <v>0.26400000000000001</v>
      </c>
      <c r="AO55" s="97">
        <v>5.4182420919951187E-2</v>
      </c>
      <c r="AP55" s="106">
        <v>0.53400000000000003</v>
      </c>
      <c r="AQ55" s="97">
        <v>6.1061567413787404E-2</v>
      </c>
      <c r="AR55" s="96">
        <v>5.0000000000000001E-3</v>
      </c>
      <c r="AS55" s="97">
        <v>1.3553378990368537E-2</v>
      </c>
    </row>
    <row r="56" spans="1:45">
      <c r="A56" s="99" t="s">
        <v>442</v>
      </c>
      <c r="B56" s="99">
        <v>708</v>
      </c>
      <c r="C56" s="100">
        <v>4.5</v>
      </c>
      <c r="D56" s="101">
        <v>0.19600000000000001</v>
      </c>
      <c r="E56" s="102">
        <v>0.20899999999999999</v>
      </c>
      <c r="F56" s="94">
        <v>3.0562865699308613E-2</v>
      </c>
      <c r="G56" s="102">
        <v>0.28699999999999998</v>
      </c>
      <c r="H56" s="94">
        <v>3.3948021415054784E-2</v>
      </c>
      <c r="I56" s="102">
        <v>0.49399999999999999</v>
      </c>
      <c r="J56" s="94">
        <v>3.7473916273703632E-2</v>
      </c>
      <c r="K56" s="93">
        <v>0.01</v>
      </c>
      <c r="L56" s="94">
        <v>8.4101914003992286E-3</v>
      </c>
      <c r="M56" s="99">
        <v>706</v>
      </c>
      <c r="N56" s="100">
        <v>4.7</v>
      </c>
      <c r="O56" s="101">
        <v>0.19600000000000001</v>
      </c>
      <c r="P56" s="102">
        <v>0.17</v>
      </c>
      <c r="Q56" s="94">
        <v>2.8316479628860226E-2</v>
      </c>
      <c r="R56" s="102">
        <v>0.25900000000000001</v>
      </c>
      <c r="S56" s="94">
        <v>3.2937977594886071E-2</v>
      </c>
      <c r="T56" s="102">
        <v>0.56599999999999995</v>
      </c>
      <c r="U56" s="94">
        <v>3.720464482828998E-2</v>
      </c>
      <c r="V56" s="93">
        <v>4.0000000000000001E-3</v>
      </c>
      <c r="W56" s="94">
        <v>6.1658773795840094E-3</v>
      </c>
      <c r="X56" s="99">
        <v>706</v>
      </c>
      <c r="Y56" s="100">
        <v>4.4000000000000004</v>
      </c>
      <c r="Z56" s="101">
        <v>0.19600000000000001</v>
      </c>
      <c r="AA56" s="102">
        <v>0.23200000000000001</v>
      </c>
      <c r="AB56" s="94">
        <v>3.1754605284936392E-2</v>
      </c>
      <c r="AC56" s="102">
        <v>0.245</v>
      </c>
      <c r="AD56" s="94">
        <v>3.2345460284478524E-2</v>
      </c>
      <c r="AE56" s="102">
        <v>0.50600000000000001</v>
      </c>
      <c r="AF56" s="94">
        <v>3.7526659405647207E-2</v>
      </c>
      <c r="AG56" s="93">
        <v>1.7000000000000001E-2</v>
      </c>
      <c r="AH56" s="94">
        <v>1.0436178654114914E-2</v>
      </c>
      <c r="AI56" s="99">
        <v>705</v>
      </c>
      <c r="AJ56" s="100">
        <v>4.7</v>
      </c>
      <c r="AK56" s="101">
        <v>0.19600000000000001</v>
      </c>
      <c r="AL56" s="102">
        <v>0.153</v>
      </c>
      <c r="AM56" s="94">
        <v>2.7180201265101425E-2</v>
      </c>
      <c r="AN56" s="102">
        <v>0.27700000000000002</v>
      </c>
      <c r="AO56" s="94">
        <v>3.3660592003446267E-2</v>
      </c>
      <c r="AP56" s="102">
        <v>0.56599999999999995</v>
      </c>
      <c r="AQ56" s="94">
        <v>3.7230878206984161E-2</v>
      </c>
      <c r="AR56" s="93">
        <v>4.0000000000000001E-3</v>
      </c>
      <c r="AS56" s="94">
        <v>6.1720012462616637E-3</v>
      </c>
    </row>
    <row r="57" spans="1:45">
      <c r="A57" s="103" t="s">
        <v>443</v>
      </c>
      <c r="B57" s="103">
        <v>935</v>
      </c>
      <c r="C57" s="104">
        <v>4.3</v>
      </c>
      <c r="D57" s="105">
        <v>0</v>
      </c>
      <c r="E57" s="106">
        <v>0.22700000000000001</v>
      </c>
      <c r="F57" s="97">
        <v>2.7389402926429978E-2</v>
      </c>
      <c r="G57" s="106">
        <v>0.29799999999999999</v>
      </c>
      <c r="H57" s="97">
        <v>2.987677193856364E-2</v>
      </c>
      <c r="I57" s="106">
        <v>0.46700000000000003</v>
      </c>
      <c r="J57" s="97">
        <v>3.2563218317521084E-2</v>
      </c>
      <c r="K57" s="96">
        <v>7.0000000000000001E-3</v>
      </c>
      <c r="L57" s="97">
        <v>6.1977681777911466E-3</v>
      </c>
      <c r="M57" s="103">
        <v>935</v>
      </c>
      <c r="N57" s="104">
        <v>4.5999999999999996</v>
      </c>
      <c r="O57" s="105">
        <v>0</v>
      </c>
      <c r="P57" s="106">
        <v>0.16800000000000001</v>
      </c>
      <c r="Q57" s="97">
        <v>2.4482988417211134E-2</v>
      </c>
      <c r="R57" s="106">
        <v>0.29099999999999998</v>
      </c>
      <c r="S57" s="97">
        <v>2.9672716458085321E-2</v>
      </c>
      <c r="T57" s="106">
        <v>0.53600000000000003</v>
      </c>
      <c r="U57" s="97">
        <v>3.2549791007569225E-2</v>
      </c>
      <c r="V57" s="96">
        <v>4.0000000000000001E-3</v>
      </c>
      <c r="W57" s="97">
        <v>5.0873179298573223E-3</v>
      </c>
      <c r="X57" s="103">
        <v>935</v>
      </c>
      <c r="Y57" s="104">
        <v>4.0999999999999996</v>
      </c>
      <c r="Z57" s="105">
        <v>0</v>
      </c>
      <c r="AA57" s="106">
        <v>0.313</v>
      </c>
      <c r="AB57" s="97">
        <v>3.0286406437248958E-2</v>
      </c>
      <c r="AC57" s="106">
        <v>0.27</v>
      </c>
      <c r="AD57" s="97">
        <v>2.9009177959735288E-2</v>
      </c>
      <c r="AE57" s="106">
        <v>0.39400000000000002</v>
      </c>
      <c r="AF57" s="97">
        <v>3.1898369195072308E-2</v>
      </c>
      <c r="AG57" s="96">
        <v>2.3E-2</v>
      </c>
      <c r="AH57" s="97">
        <v>1.0196232346602056E-2</v>
      </c>
      <c r="AI57" s="103">
        <v>932</v>
      </c>
      <c r="AJ57" s="104">
        <v>4.5999999999999996</v>
      </c>
      <c r="AK57" s="105">
        <v>0</v>
      </c>
      <c r="AL57" s="106">
        <v>0.16900000000000001</v>
      </c>
      <c r="AM57" s="97">
        <v>2.4579664472731317E-2</v>
      </c>
      <c r="AN57" s="106">
        <v>0.26600000000000001</v>
      </c>
      <c r="AO57" s="97">
        <v>2.8920093272183527E-2</v>
      </c>
      <c r="AP57" s="106">
        <v>0.55500000000000005</v>
      </c>
      <c r="AQ57" s="97">
        <v>3.2489367061135463E-2</v>
      </c>
      <c r="AR57" s="96">
        <v>0.01</v>
      </c>
      <c r="AS57" s="97">
        <v>7.1455418665374113E-3</v>
      </c>
    </row>
    <row r="58" spans="1:45">
      <c r="A58" s="99" t="s">
        <v>444</v>
      </c>
      <c r="B58" s="99">
        <v>260</v>
      </c>
      <c r="C58" s="100">
        <v>4.3</v>
      </c>
      <c r="D58" s="101">
        <v>0.19600000000000001</v>
      </c>
      <c r="E58" s="102">
        <v>0.26400000000000001</v>
      </c>
      <c r="F58" s="94">
        <v>5.4492002684508115E-2</v>
      </c>
      <c r="G58" s="102">
        <v>0.23200000000000001</v>
      </c>
      <c r="H58" s="94">
        <v>5.2272015273095107E-2</v>
      </c>
      <c r="I58" s="102">
        <v>0.497</v>
      </c>
      <c r="J58" s="94">
        <v>6.1544670972953019E-2</v>
      </c>
      <c r="K58" s="93">
        <v>6.0000000000000001E-3</v>
      </c>
      <c r="L58" s="94">
        <v>1.4197208083510732E-2</v>
      </c>
      <c r="M58" s="99">
        <v>259</v>
      </c>
      <c r="N58" s="100">
        <v>4.5999999999999996</v>
      </c>
      <c r="O58" s="101">
        <v>0.19600000000000001</v>
      </c>
      <c r="P58" s="102">
        <v>0.16200000000000001</v>
      </c>
      <c r="Q58" s="94">
        <v>4.6012839343128276E-2</v>
      </c>
      <c r="R58" s="102">
        <v>0.27900000000000003</v>
      </c>
      <c r="S58" s="94">
        <v>5.5514648499055602E-2</v>
      </c>
      <c r="T58" s="102">
        <v>0.55700000000000005</v>
      </c>
      <c r="U58" s="94">
        <v>6.1272820979824956E-2</v>
      </c>
      <c r="V58" s="93">
        <v>2E-3</v>
      </c>
      <c r="W58" s="94">
        <v>1.2009172821161186E-2</v>
      </c>
      <c r="X58" s="99">
        <v>259</v>
      </c>
      <c r="Y58" s="100">
        <v>4.0999999999999996</v>
      </c>
      <c r="Z58" s="101">
        <v>0.19600000000000001</v>
      </c>
      <c r="AA58" s="102">
        <v>0.33300000000000002</v>
      </c>
      <c r="AB58" s="94">
        <v>5.8231592615267842E-2</v>
      </c>
      <c r="AC58" s="102">
        <v>0.182</v>
      </c>
      <c r="AD58" s="94">
        <v>4.806975657799261E-2</v>
      </c>
      <c r="AE58" s="102">
        <v>0.47699999999999998</v>
      </c>
      <c r="AF58" s="94">
        <v>6.1599339397943757E-2</v>
      </c>
      <c r="AG58" s="93">
        <v>8.0000000000000002E-3</v>
      </c>
      <c r="AH58" s="94">
        <v>1.5226138152257641E-2</v>
      </c>
      <c r="AI58" s="99">
        <v>258</v>
      </c>
      <c r="AJ58" s="100">
        <v>4.7</v>
      </c>
      <c r="AK58" s="101">
        <v>0.19600000000000001</v>
      </c>
      <c r="AL58" s="102">
        <v>0.12</v>
      </c>
      <c r="AM58" s="94">
        <v>4.0975789275677375E-2</v>
      </c>
      <c r="AN58" s="102">
        <v>0.27300000000000002</v>
      </c>
      <c r="AO58" s="94">
        <v>5.5262371259510036E-2</v>
      </c>
      <c r="AP58" s="102">
        <v>0.60599999999999998</v>
      </c>
      <c r="AQ58" s="94">
        <v>6.041895271724218E-2</v>
      </c>
      <c r="AR58" s="93">
        <v>2E-3</v>
      </c>
      <c r="AS58" s="94">
        <v>1.2050045009473343E-2</v>
      </c>
    </row>
    <row r="59" spans="1:45">
      <c r="A59" s="103" t="s">
        <v>445</v>
      </c>
      <c r="B59" s="103">
        <v>179</v>
      </c>
      <c r="C59" s="104">
        <v>4.0999999999999996</v>
      </c>
      <c r="D59" s="105">
        <v>0.19600000000000001</v>
      </c>
      <c r="E59" s="106">
        <v>0.224</v>
      </c>
      <c r="F59" s="97">
        <v>6.2220778045707366E-2</v>
      </c>
      <c r="G59" s="106">
        <v>0.38</v>
      </c>
      <c r="H59" s="97">
        <v>7.1856357674648944E-2</v>
      </c>
      <c r="I59" s="106">
        <v>0.39</v>
      </c>
      <c r="J59" s="97">
        <v>7.2190273892813905E-2</v>
      </c>
      <c r="K59" s="96">
        <v>6.0000000000000001E-3</v>
      </c>
      <c r="L59" s="97">
        <v>1.8999941124726461E-2</v>
      </c>
      <c r="M59" s="103">
        <v>180</v>
      </c>
      <c r="N59" s="104">
        <v>4.5</v>
      </c>
      <c r="O59" s="105">
        <v>0.19600000000000001</v>
      </c>
      <c r="P59" s="106">
        <v>0.14799999999999999</v>
      </c>
      <c r="Q59" s="97">
        <v>5.34514356315084E-2</v>
      </c>
      <c r="R59" s="106">
        <v>0.38800000000000001</v>
      </c>
      <c r="S59" s="97">
        <v>7.192923199953824E-2</v>
      </c>
      <c r="T59" s="106">
        <v>0.46100000000000002</v>
      </c>
      <c r="U59" s="97">
        <v>7.3506049976635152E-2</v>
      </c>
      <c r="V59" s="96">
        <v>4.0000000000000001E-3</v>
      </c>
      <c r="W59" s="97">
        <v>1.7793552310368301E-2</v>
      </c>
      <c r="X59" s="103">
        <v>177</v>
      </c>
      <c r="Y59" s="104">
        <v>4.0999999999999996</v>
      </c>
      <c r="Z59" s="105">
        <v>0.19600000000000001</v>
      </c>
      <c r="AA59" s="106">
        <v>0.247</v>
      </c>
      <c r="AB59" s="97">
        <v>6.4592024549022908E-2</v>
      </c>
      <c r="AC59" s="106">
        <v>0.33300000000000002</v>
      </c>
      <c r="AD59" s="97">
        <v>7.0252904212078318E-2</v>
      </c>
      <c r="AE59" s="106">
        <v>0.40100000000000002</v>
      </c>
      <c r="AF59" s="97">
        <v>7.2922786183878874E-2</v>
      </c>
      <c r="AG59" s="96">
        <v>1.9E-2</v>
      </c>
      <c r="AH59" s="97">
        <v>2.5207166908694362E-2</v>
      </c>
      <c r="AI59" s="103">
        <v>179</v>
      </c>
      <c r="AJ59" s="104">
        <v>4.7</v>
      </c>
      <c r="AK59" s="105">
        <v>0.19600000000000001</v>
      </c>
      <c r="AL59" s="106">
        <v>0.111</v>
      </c>
      <c r="AM59" s="97">
        <v>4.7957592657445106E-2</v>
      </c>
      <c r="AN59" s="106">
        <v>0.33900000000000002</v>
      </c>
      <c r="AO59" s="97">
        <v>7.0159813544494964E-2</v>
      </c>
      <c r="AP59" s="106">
        <v>0.55000000000000004</v>
      </c>
      <c r="AQ59" s="97">
        <v>7.3567647794978888E-2</v>
      </c>
      <c r="AR59" s="96">
        <v>0</v>
      </c>
      <c r="AS59" s="97">
        <v>1.5371195504224387E-2</v>
      </c>
    </row>
    <row r="60" spans="1:45">
      <c r="A60" s="99" t="s">
        <v>446</v>
      </c>
      <c r="B60" s="99">
        <v>154</v>
      </c>
      <c r="C60" s="100">
        <v>4</v>
      </c>
      <c r="D60" s="101">
        <v>0.19600000000000001</v>
      </c>
      <c r="E60" s="102">
        <v>0.33300000000000002</v>
      </c>
      <c r="F60" s="94">
        <v>7.5222072334084983E-2</v>
      </c>
      <c r="G60" s="102">
        <v>0.26600000000000001</v>
      </c>
      <c r="H60" s="94">
        <v>7.0796796273131388E-2</v>
      </c>
      <c r="I60" s="102">
        <v>0.39200000000000002</v>
      </c>
      <c r="J60" s="94">
        <v>7.7772649280041753E-2</v>
      </c>
      <c r="K60" s="93">
        <v>8.9999999999999993E-3</v>
      </c>
      <c r="L60" s="94">
        <v>2.3041579681002705E-2</v>
      </c>
      <c r="M60" s="99">
        <v>154</v>
      </c>
      <c r="N60" s="100">
        <v>4.5999999999999996</v>
      </c>
      <c r="O60" s="101">
        <v>0.19600000000000001</v>
      </c>
      <c r="P60" s="102">
        <v>0.245</v>
      </c>
      <c r="Q60" s="94">
        <v>6.9030488411827753E-2</v>
      </c>
      <c r="R60" s="102">
        <v>0.14699999999999999</v>
      </c>
      <c r="S60" s="94">
        <v>5.7724893537667465E-2</v>
      </c>
      <c r="T60" s="102">
        <v>0.60799999999999998</v>
      </c>
      <c r="U60" s="94">
        <v>7.7772649280041753E-2</v>
      </c>
      <c r="V60" s="93">
        <v>0</v>
      </c>
      <c r="W60" s="94">
        <v>1.7787776428620949E-2</v>
      </c>
      <c r="X60" s="99">
        <v>154</v>
      </c>
      <c r="Y60" s="100">
        <v>4.4000000000000004</v>
      </c>
      <c r="Z60" s="101">
        <v>0.19600000000000001</v>
      </c>
      <c r="AA60" s="102">
        <v>0.255</v>
      </c>
      <c r="AB60" s="94">
        <v>6.9896083646017015E-2</v>
      </c>
      <c r="AC60" s="102">
        <v>0.253</v>
      </c>
      <c r="AD60" s="94">
        <v>6.9726583787588975E-2</v>
      </c>
      <c r="AE60" s="102">
        <v>0.48299999999999998</v>
      </c>
      <c r="AF60" s="94">
        <v>7.9512031998454094E-2</v>
      </c>
      <c r="AG60" s="93">
        <v>8.9999999999999993E-3</v>
      </c>
      <c r="AH60" s="94">
        <v>2.3041579681002705E-2</v>
      </c>
      <c r="AI60" s="99">
        <v>153</v>
      </c>
      <c r="AJ60" s="100">
        <v>4.7</v>
      </c>
      <c r="AK60" s="101">
        <v>0.19600000000000001</v>
      </c>
      <c r="AL60" s="102">
        <v>0.17100000000000001</v>
      </c>
      <c r="AM60" s="94">
        <v>6.1240718369756759E-2</v>
      </c>
      <c r="AN60" s="102">
        <v>0.253</v>
      </c>
      <c r="AO60" s="94">
        <v>6.9951782680974892E-2</v>
      </c>
      <c r="AP60" s="102">
        <v>0.57499999999999996</v>
      </c>
      <c r="AQ60" s="94">
        <v>7.8951403732546679E-2</v>
      </c>
      <c r="AR60" s="93">
        <v>0</v>
      </c>
      <c r="AS60" s="94">
        <v>1.79003434579789E-2</v>
      </c>
    </row>
    <row r="61" spans="1:45">
      <c r="A61" s="103" t="s">
        <v>447</v>
      </c>
      <c r="B61" s="103">
        <v>76</v>
      </c>
      <c r="C61" s="104">
        <v>4.8</v>
      </c>
      <c r="D61" s="105">
        <v>0.19600000000000001</v>
      </c>
      <c r="E61" s="106">
        <v>0.16600000000000001</v>
      </c>
      <c r="F61" s="97">
        <v>8.6406223734173226E-2</v>
      </c>
      <c r="G61" s="106">
        <v>0.14099999999999999</v>
      </c>
      <c r="H61" s="97">
        <v>8.1757231331546443E-2</v>
      </c>
      <c r="I61" s="106">
        <v>0.67</v>
      </c>
      <c r="J61" s="97">
        <v>0.10581062092247639</v>
      </c>
      <c r="K61" s="96">
        <v>2.3E-2</v>
      </c>
      <c r="L61" s="97">
        <v>4.7252025088878463E-2</v>
      </c>
      <c r="M61" s="103">
        <v>76</v>
      </c>
      <c r="N61" s="104">
        <v>4.9000000000000004</v>
      </c>
      <c r="O61" s="105">
        <v>0.19600000000000001</v>
      </c>
      <c r="P61" s="106">
        <v>0.124</v>
      </c>
      <c r="Q61" s="97">
        <v>7.8233036499933961E-2</v>
      </c>
      <c r="R61" s="106">
        <v>0.26900000000000002</v>
      </c>
      <c r="S61" s="97">
        <v>0.10045936927434893</v>
      </c>
      <c r="T61" s="106">
        <v>0.59099999999999997</v>
      </c>
      <c r="U61" s="97">
        <v>0.11011957080828094</v>
      </c>
      <c r="V61" s="96">
        <v>1.6E-2</v>
      </c>
      <c r="W61" s="97">
        <v>4.3922636532885861E-2</v>
      </c>
      <c r="X61" s="103">
        <v>76</v>
      </c>
      <c r="Y61" s="104">
        <v>4.7</v>
      </c>
      <c r="Z61" s="105">
        <v>0.39200000000000002</v>
      </c>
      <c r="AA61" s="106">
        <v>0.20799999999999999</v>
      </c>
      <c r="AB61" s="97">
        <v>9.3018611041016941E-2</v>
      </c>
      <c r="AC61" s="106">
        <v>0.159</v>
      </c>
      <c r="AD61" s="97">
        <v>8.5163489095973516E-2</v>
      </c>
      <c r="AE61" s="106">
        <v>0.62</v>
      </c>
      <c r="AF61" s="97">
        <v>0.10885862391193452</v>
      </c>
      <c r="AG61" s="96">
        <v>1.4E-2</v>
      </c>
      <c r="AH61" s="97">
        <v>4.2914513861862631E-2</v>
      </c>
      <c r="AI61" s="103">
        <v>76</v>
      </c>
      <c r="AJ61" s="104">
        <v>5</v>
      </c>
      <c r="AK61" s="105">
        <v>0.19600000000000001</v>
      </c>
      <c r="AL61" s="106">
        <v>0.11600000000000001</v>
      </c>
      <c r="AM61" s="97">
        <v>7.6459453306965269E-2</v>
      </c>
      <c r="AN61" s="106">
        <v>0.185</v>
      </c>
      <c r="AO61" s="97">
        <v>8.9568252606601645E-2</v>
      </c>
      <c r="AP61" s="106">
        <v>0.68400000000000005</v>
      </c>
      <c r="AQ61" s="97">
        <v>0.10474849879592546</v>
      </c>
      <c r="AR61" s="96">
        <v>1.6E-2</v>
      </c>
      <c r="AS61" s="97">
        <v>4.3922636532885861E-2</v>
      </c>
    </row>
    <row r="62" spans="1:45" s="227" customFormat="1">
      <c r="A62" s="241"/>
    </row>
    <row r="63" spans="1:45" ht="18.75">
      <c r="A63" s="343" t="s">
        <v>253</v>
      </c>
      <c r="B63" s="343"/>
      <c r="C63" s="343"/>
      <c r="D63" s="343"/>
      <c r="E63" s="343"/>
      <c r="F63" s="343"/>
      <c r="G63" s="343"/>
      <c r="H63" s="343"/>
      <c r="I63" s="343"/>
      <c r="J63" s="343"/>
      <c r="K63" s="343"/>
      <c r="L63" s="343"/>
      <c r="M63" s="343"/>
      <c r="N63" s="343"/>
      <c r="O63" s="343"/>
      <c r="P63" s="343"/>
      <c r="Q63" s="343"/>
      <c r="R63" s="343"/>
      <c r="S63" s="343"/>
      <c r="T63" s="343"/>
      <c r="U63" s="343"/>
      <c r="V63" s="343"/>
      <c r="W63" s="343"/>
    </row>
    <row r="64" spans="1:45" ht="66" customHeight="1">
      <c r="A64" s="350" t="s">
        <v>505</v>
      </c>
      <c r="B64" s="350"/>
      <c r="C64" s="350"/>
      <c r="D64" s="350"/>
      <c r="E64" s="350"/>
      <c r="F64" s="350"/>
      <c r="G64" s="350"/>
      <c r="H64" s="350"/>
      <c r="I64" s="350"/>
      <c r="J64" s="350"/>
      <c r="K64" s="350"/>
      <c r="L64" s="350"/>
      <c r="M64" s="350"/>
      <c r="N64" s="350"/>
      <c r="O64" s="350"/>
      <c r="P64" s="350"/>
      <c r="Q64" s="350"/>
      <c r="R64" s="350"/>
      <c r="S64" s="350"/>
      <c r="T64" s="350"/>
      <c r="U64" s="350"/>
      <c r="V64" s="350"/>
      <c r="W64" s="350"/>
    </row>
    <row r="65" spans="1:23" ht="45.75" customHeight="1">
      <c r="A65" s="107"/>
      <c r="B65" s="347" t="s">
        <v>378</v>
      </c>
      <c r="C65" s="348"/>
      <c r="D65" s="348"/>
      <c r="E65" s="348"/>
      <c r="F65" s="348"/>
      <c r="G65" s="348"/>
      <c r="H65" s="348"/>
      <c r="I65" s="348"/>
      <c r="J65" s="348"/>
      <c r="K65" s="348"/>
      <c r="L65" s="349"/>
      <c r="M65" s="347" t="s">
        <v>254</v>
      </c>
      <c r="N65" s="348"/>
      <c r="O65" s="348"/>
      <c r="P65" s="348"/>
      <c r="Q65" s="348"/>
      <c r="R65" s="348"/>
      <c r="S65" s="348"/>
      <c r="T65" s="348"/>
      <c r="U65" s="348"/>
      <c r="V65" s="348"/>
      <c r="W65" s="348"/>
    </row>
    <row r="66" spans="1:23" ht="66" customHeight="1">
      <c r="A66" s="37" t="s">
        <v>85</v>
      </c>
      <c r="B66" s="38" t="s">
        <v>86</v>
      </c>
      <c r="C66" s="38" t="s">
        <v>87</v>
      </c>
      <c r="D66" s="268" t="s">
        <v>88</v>
      </c>
      <c r="E66" s="38" t="s">
        <v>178</v>
      </c>
      <c r="F66" s="89" t="s">
        <v>101</v>
      </c>
      <c r="G66" s="38" t="s">
        <v>179</v>
      </c>
      <c r="H66" s="89" t="s">
        <v>102</v>
      </c>
      <c r="I66" s="38" t="s">
        <v>180</v>
      </c>
      <c r="J66" s="89" t="s">
        <v>103</v>
      </c>
      <c r="K66" s="38" t="s">
        <v>353</v>
      </c>
      <c r="L66" s="89" t="s">
        <v>352</v>
      </c>
      <c r="M66" s="65" t="s">
        <v>86</v>
      </c>
      <c r="N66" s="65" t="s">
        <v>87</v>
      </c>
      <c r="O66" s="270" t="s">
        <v>88</v>
      </c>
      <c r="P66" s="65" t="s">
        <v>415</v>
      </c>
      <c r="Q66" s="88" t="s">
        <v>416</v>
      </c>
      <c r="R66" s="65" t="s">
        <v>411</v>
      </c>
      <c r="S66" s="88" t="s">
        <v>413</v>
      </c>
      <c r="T66" s="65" t="s">
        <v>417</v>
      </c>
      <c r="U66" s="88" t="s">
        <v>418</v>
      </c>
      <c r="V66" s="65" t="s">
        <v>353</v>
      </c>
      <c r="W66" s="88" t="s">
        <v>367</v>
      </c>
    </row>
    <row r="67" spans="1:23" ht="99.75" customHeight="1">
      <c r="A67" s="41"/>
      <c r="B67" s="42" t="s">
        <v>89</v>
      </c>
      <c r="C67" s="42" t="s">
        <v>354</v>
      </c>
      <c r="D67" s="269" t="s">
        <v>91</v>
      </c>
      <c r="E67" s="42" t="s">
        <v>181</v>
      </c>
      <c r="F67" s="91" t="s">
        <v>104</v>
      </c>
      <c r="G67" s="42" t="s">
        <v>182</v>
      </c>
      <c r="H67" s="91" t="s">
        <v>104</v>
      </c>
      <c r="I67" s="42" t="s">
        <v>183</v>
      </c>
      <c r="J67" s="91" t="s">
        <v>104</v>
      </c>
      <c r="K67" s="42" t="s">
        <v>353</v>
      </c>
      <c r="L67" s="91" t="s">
        <v>104</v>
      </c>
      <c r="M67" s="68" t="s">
        <v>89</v>
      </c>
      <c r="N67" s="68" t="s">
        <v>355</v>
      </c>
      <c r="O67" s="271" t="s">
        <v>91</v>
      </c>
      <c r="P67" s="68" t="s">
        <v>410</v>
      </c>
      <c r="Q67" s="90" t="s">
        <v>104</v>
      </c>
      <c r="R67" s="68" t="s">
        <v>412</v>
      </c>
      <c r="S67" s="90" t="s">
        <v>104</v>
      </c>
      <c r="T67" s="68" t="s">
        <v>181</v>
      </c>
      <c r="U67" s="90" t="s">
        <v>104</v>
      </c>
      <c r="V67" s="68" t="s">
        <v>353</v>
      </c>
      <c r="W67" s="90" t="s">
        <v>104</v>
      </c>
    </row>
    <row r="68" spans="1:23">
      <c r="A68" s="45" t="s">
        <v>424</v>
      </c>
      <c r="B68" s="110">
        <v>9266</v>
      </c>
      <c r="C68" s="47">
        <v>3.1</v>
      </c>
      <c r="D68" s="48">
        <v>3.9199999999999999E-2</v>
      </c>
      <c r="E68" s="111">
        <v>0.60799999999999998</v>
      </c>
      <c r="F68" s="94">
        <v>1.0141311453284773E-2</v>
      </c>
      <c r="G68" s="111">
        <v>0.107</v>
      </c>
      <c r="H68" s="94">
        <v>6.4255510910279385E-3</v>
      </c>
      <c r="I68" s="111">
        <v>0.26500000000000001</v>
      </c>
      <c r="J68" s="94">
        <v>9.1687440737048664E-3</v>
      </c>
      <c r="K68" s="93">
        <v>0.02</v>
      </c>
      <c r="L68" s="94">
        <v>2.9228698383357626E-3</v>
      </c>
      <c r="M68" s="110">
        <v>10804</v>
      </c>
      <c r="N68" s="47">
        <v>4</v>
      </c>
      <c r="O68" s="48">
        <v>3.9199999999999999E-2</v>
      </c>
      <c r="P68" s="111">
        <v>0.21</v>
      </c>
      <c r="Q68" s="94">
        <v>7.8372187685314225E-3</v>
      </c>
      <c r="R68" s="111">
        <v>0.35</v>
      </c>
      <c r="S68" s="94">
        <v>9.1762221941187605E-3</v>
      </c>
      <c r="T68" s="111">
        <v>0.33</v>
      </c>
      <c r="U68" s="94">
        <v>9.0463357677486728E-3</v>
      </c>
      <c r="V68" s="93">
        <v>0.11</v>
      </c>
      <c r="W68" s="94">
        <v>6.022796639669644E-3</v>
      </c>
    </row>
    <row r="69" spans="1:23">
      <c r="A69" s="49" t="s">
        <v>425</v>
      </c>
      <c r="B69" s="112">
        <v>8696</v>
      </c>
      <c r="C69" s="51">
        <v>3.1323235774438491</v>
      </c>
      <c r="D69" s="52">
        <v>4.4663496380326621E-2</v>
      </c>
      <c r="E69" s="113">
        <v>0.59938941569962423</v>
      </c>
      <c r="F69" s="97">
        <v>1.0507377275093125E-2</v>
      </c>
      <c r="G69" s="113">
        <v>0.10760644100695003</v>
      </c>
      <c r="H69" s="97">
        <v>6.6494782928836413E-3</v>
      </c>
      <c r="I69" s="113">
        <v>0.27330918993901621</v>
      </c>
      <c r="J69" s="97">
        <v>9.5570523943678196E-3</v>
      </c>
      <c r="K69" s="96">
        <v>1.9694953354409444E-2</v>
      </c>
      <c r="L69" s="97">
        <v>2.9957168534017315E-3</v>
      </c>
      <c r="M69" s="112">
        <v>8845</v>
      </c>
      <c r="N69" s="51">
        <v>4.2</v>
      </c>
      <c r="O69" s="52">
        <v>3.9713671816827278E-2</v>
      </c>
      <c r="P69" s="113">
        <v>0.25</v>
      </c>
      <c r="Q69" s="97">
        <v>9.2076530686058689E-3</v>
      </c>
      <c r="R69" s="113">
        <v>0.36</v>
      </c>
      <c r="S69" s="97">
        <v>1.020565378598757E-2</v>
      </c>
      <c r="T69" s="113">
        <v>0.28999999999999998</v>
      </c>
      <c r="U69" s="97">
        <v>9.6483512264059351E-3</v>
      </c>
      <c r="V69" s="96">
        <v>0.09</v>
      </c>
      <c r="W69" s="97">
        <v>6.0901405948729989E-3</v>
      </c>
    </row>
    <row r="70" spans="1:23">
      <c r="A70" s="53" t="s">
        <v>426</v>
      </c>
      <c r="B70" s="83">
        <v>831</v>
      </c>
      <c r="C70" s="47">
        <v>3.09</v>
      </c>
      <c r="D70" s="48">
        <v>0.13720000000000002</v>
      </c>
      <c r="E70" s="98">
        <v>0.61799999999999999</v>
      </c>
      <c r="F70" s="94">
        <v>3.3638378713289473E-2</v>
      </c>
      <c r="G70" s="98">
        <v>0.12</v>
      </c>
      <c r="H70" s="94">
        <v>2.2638016813541717E-2</v>
      </c>
      <c r="I70" s="98">
        <v>0.255</v>
      </c>
      <c r="J70" s="94">
        <v>3.0212715914342669E-2</v>
      </c>
      <c r="K70" s="93">
        <v>7.0000000000000001E-3</v>
      </c>
      <c r="L70" s="94">
        <v>6.6653220565623282E-3</v>
      </c>
      <c r="M70" s="83">
        <v>1984</v>
      </c>
      <c r="N70" s="47">
        <v>3.38</v>
      </c>
      <c r="O70" s="48">
        <v>7.8399999999999997E-2</v>
      </c>
      <c r="P70" s="98">
        <v>0.111</v>
      </c>
      <c r="Q70" s="94">
        <v>1.4134117933690758E-2</v>
      </c>
      <c r="R70" s="98">
        <v>0.30200000000000005</v>
      </c>
      <c r="S70" s="94">
        <v>2.0602279759993316E-2</v>
      </c>
      <c r="T70" s="98">
        <v>0.45499999999999996</v>
      </c>
      <c r="U70" s="94">
        <v>2.2337413494861014E-2</v>
      </c>
      <c r="V70" s="93">
        <v>0.13200000000000001</v>
      </c>
      <c r="W70" s="94">
        <v>1.5219415849224751E-2</v>
      </c>
    </row>
    <row r="71" spans="1:23">
      <c r="A71" s="49" t="s">
        <v>427</v>
      </c>
      <c r="B71" s="112">
        <v>6839</v>
      </c>
      <c r="C71" s="51">
        <v>3.1</v>
      </c>
      <c r="D71" s="52">
        <v>0</v>
      </c>
      <c r="E71" s="113">
        <v>0.60699999999999998</v>
      </c>
      <c r="F71" s="97">
        <v>1.1808902213195456E-2</v>
      </c>
      <c r="G71" s="113">
        <v>0.108</v>
      </c>
      <c r="H71" s="97">
        <v>7.5111332508679442E-3</v>
      </c>
      <c r="I71" s="113">
        <v>0.26500000000000001</v>
      </c>
      <c r="J71" s="97">
        <v>1.067198674842126E-2</v>
      </c>
      <c r="K71" s="96">
        <v>0.02</v>
      </c>
      <c r="L71" s="97">
        <v>3.4079856380648302E-3</v>
      </c>
      <c r="M71" s="112">
        <v>8485</v>
      </c>
      <c r="N71" s="51">
        <v>4</v>
      </c>
      <c r="O71" s="52">
        <v>0</v>
      </c>
      <c r="P71" s="113">
        <v>0.21</v>
      </c>
      <c r="Q71" s="97">
        <v>8.8435902165522086E-3</v>
      </c>
      <c r="R71" s="113">
        <v>0.34599999999999997</v>
      </c>
      <c r="S71" s="97">
        <v>1.0326427344807404E-2</v>
      </c>
      <c r="T71" s="113">
        <v>0.33199999999999996</v>
      </c>
      <c r="U71" s="97">
        <v>1.0223157161956114E-2</v>
      </c>
      <c r="V71" s="96">
        <v>0.111</v>
      </c>
      <c r="W71" s="97">
        <v>6.8238206709606408E-3</v>
      </c>
    </row>
    <row r="72" spans="1:23">
      <c r="A72" s="53" t="s">
        <v>428</v>
      </c>
      <c r="B72" s="83">
        <v>2493</v>
      </c>
      <c r="C72" s="47">
        <v>2.6</v>
      </c>
      <c r="D72" s="48">
        <v>0</v>
      </c>
      <c r="E72" s="98">
        <v>0.71299999999999997</v>
      </c>
      <c r="F72" s="94">
        <v>1.8111753775755985E-2</v>
      </c>
      <c r="G72" s="98">
        <v>9.4E-2</v>
      </c>
      <c r="H72" s="94">
        <v>1.1716288798310336E-2</v>
      </c>
      <c r="I72" s="98">
        <v>0.17699999999999999</v>
      </c>
      <c r="J72" s="94">
        <v>1.5293418331477829E-2</v>
      </c>
      <c r="K72" s="93">
        <v>1.6E-2</v>
      </c>
      <c r="L72" s="94">
        <v>5.1402311494744852E-3</v>
      </c>
      <c r="M72" s="83">
        <v>2509</v>
      </c>
      <c r="N72" s="47">
        <v>4.5</v>
      </c>
      <c r="O72" s="48">
        <v>0</v>
      </c>
      <c r="P72" s="98">
        <v>0.30299999999999999</v>
      </c>
      <c r="Q72" s="94">
        <v>1.8339958442144706E-2</v>
      </c>
      <c r="R72" s="98">
        <v>0.4</v>
      </c>
      <c r="S72" s="94">
        <v>1.954646159699916E-2</v>
      </c>
      <c r="T72" s="98">
        <v>0.247</v>
      </c>
      <c r="U72" s="94">
        <v>1.7215407226258903E-2</v>
      </c>
      <c r="V72" s="93">
        <v>0.05</v>
      </c>
      <c r="W72" s="94">
        <v>8.7539778718465494E-3</v>
      </c>
    </row>
    <row r="73" spans="1:23">
      <c r="A73" s="49" t="s">
        <v>429</v>
      </c>
      <c r="B73" s="112">
        <v>611</v>
      </c>
      <c r="C73" s="51">
        <v>2.6</v>
      </c>
      <c r="D73" s="52">
        <v>0.19600000000000001</v>
      </c>
      <c r="E73" s="113">
        <v>0.72</v>
      </c>
      <c r="F73" s="97">
        <v>3.6267080285548897E-2</v>
      </c>
      <c r="G73" s="113">
        <v>9.9000000000000005E-2</v>
      </c>
      <c r="H73" s="97">
        <v>2.436629926198812E-2</v>
      </c>
      <c r="I73" s="113">
        <v>0.16400000000000001</v>
      </c>
      <c r="J73" s="97">
        <v>3.0020891374052262E-2</v>
      </c>
      <c r="K73" s="96">
        <v>1.7000000000000001E-2</v>
      </c>
      <c r="L73" s="97">
        <v>1.1329732053218678E-2</v>
      </c>
      <c r="M73" s="112">
        <v>617</v>
      </c>
      <c r="N73" s="51">
        <v>4.4000000000000004</v>
      </c>
      <c r="O73" s="52">
        <v>0.19600000000000001</v>
      </c>
      <c r="P73" s="113">
        <v>0.25600000000000001</v>
      </c>
      <c r="Q73" s="97">
        <v>3.5096232947527929E-2</v>
      </c>
      <c r="R73" s="113">
        <v>0.44600000000000001</v>
      </c>
      <c r="S73" s="97">
        <v>3.9896923893095196E-2</v>
      </c>
      <c r="T73" s="113">
        <v>0.255</v>
      </c>
      <c r="U73" s="97">
        <v>3.5051908001847841E-2</v>
      </c>
      <c r="V73" s="96">
        <v>4.2999999999999997E-2</v>
      </c>
      <c r="W73" s="97">
        <v>1.6802887049709312E-2</v>
      </c>
    </row>
    <row r="74" spans="1:23">
      <c r="A74" s="53" t="s">
        <v>430</v>
      </c>
      <c r="B74" s="83">
        <v>1581</v>
      </c>
      <c r="C74" s="47">
        <v>2.6</v>
      </c>
      <c r="D74" s="48">
        <v>0</v>
      </c>
      <c r="E74" s="98">
        <v>0.71599999999999997</v>
      </c>
      <c r="F74" s="94">
        <v>2.2666374186065076E-2</v>
      </c>
      <c r="G74" s="98">
        <v>9.2999999999999999E-2</v>
      </c>
      <c r="H74" s="94">
        <v>1.4662213783218763E-2</v>
      </c>
      <c r="I74" s="98">
        <v>0.17799999999999999</v>
      </c>
      <c r="J74" s="94">
        <v>1.9250214687448464E-2</v>
      </c>
      <c r="K74" s="93">
        <v>1.2999999999999999E-2</v>
      </c>
      <c r="L74" s="94">
        <v>5.9496429418848416E-3</v>
      </c>
      <c r="M74" s="83">
        <v>1585</v>
      </c>
      <c r="N74" s="47">
        <v>4.5999999999999996</v>
      </c>
      <c r="O74" s="48">
        <v>0</v>
      </c>
      <c r="P74" s="98">
        <v>0.30599999999999999</v>
      </c>
      <c r="Q74" s="94">
        <v>2.3131399858411526E-2</v>
      </c>
      <c r="R74" s="98">
        <v>0.40600000000000003</v>
      </c>
      <c r="S74" s="94">
        <v>2.4641338112705139E-2</v>
      </c>
      <c r="T74" s="98">
        <v>0.23800000000000002</v>
      </c>
      <c r="U74" s="94">
        <v>2.1386853680490467E-2</v>
      </c>
      <c r="V74" s="93">
        <v>5.0999999999999997E-2</v>
      </c>
      <c r="W74" s="94">
        <v>1.1152888587390258E-2</v>
      </c>
    </row>
    <row r="75" spans="1:23">
      <c r="A75" s="49" t="s">
        <v>431</v>
      </c>
      <c r="B75" s="112">
        <v>232</v>
      </c>
      <c r="C75" s="51">
        <v>2.8</v>
      </c>
      <c r="D75" s="52">
        <v>0.19600000000000001</v>
      </c>
      <c r="E75" s="113">
        <v>0.67900000000000005</v>
      </c>
      <c r="F75" s="97">
        <v>6.0930069815321161E-2</v>
      </c>
      <c r="G75" s="113">
        <v>0.13700000000000001</v>
      </c>
      <c r="H75" s="97">
        <v>4.5595846522307186E-2</v>
      </c>
      <c r="I75" s="113">
        <v>0.17299999999999999</v>
      </c>
      <c r="J75" s="97">
        <v>4.9858272687460119E-2</v>
      </c>
      <c r="K75" s="96">
        <v>1.0999999999999999E-2</v>
      </c>
      <c r="L75" s="97">
        <v>1.7905639400715035E-2</v>
      </c>
      <c r="M75" s="112">
        <v>239</v>
      </c>
      <c r="N75" s="51">
        <v>4.9000000000000004</v>
      </c>
      <c r="O75" s="52">
        <v>0.19600000000000001</v>
      </c>
      <c r="P75" s="113">
        <v>0.34200000000000003</v>
      </c>
      <c r="Q75" s="97">
        <v>6.0973055615907955E-2</v>
      </c>
      <c r="R75" s="113">
        <v>0.46099999999999997</v>
      </c>
      <c r="S75" s="97">
        <v>6.3960978580182806E-2</v>
      </c>
      <c r="T75" s="113">
        <v>0.16899999999999998</v>
      </c>
      <c r="U75" s="97">
        <v>4.8689198183437296E-2</v>
      </c>
      <c r="V75" s="96">
        <v>2.7E-2</v>
      </c>
      <c r="W75" s="97">
        <v>2.3509368367057439E-2</v>
      </c>
    </row>
    <row r="76" spans="1:23">
      <c r="A76" s="53" t="s">
        <v>432</v>
      </c>
      <c r="B76" s="83">
        <v>552</v>
      </c>
      <c r="C76" s="47">
        <v>2.9</v>
      </c>
      <c r="D76" s="48">
        <v>0.19600000000000001</v>
      </c>
      <c r="E76" s="98">
        <v>0.64300000000000002</v>
      </c>
      <c r="F76" s="94">
        <v>4.0663929877086454E-2</v>
      </c>
      <c r="G76" s="98">
        <v>0.115</v>
      </c>
      <c r="H76" s="94">
        <v>2.7340125479098528E-2</v>
      </c>
      <c r="I76" s="98">
        <v>0.223</v>
      </c>
      <c r="J76" s="94">
        <v>3.5418468855525916E-2</v>
      </c>
      <c r="K76" s="93">
        <v>0.02</v>
      </c>
      <c r="L76" s="94">
        <v>1.2836319612235938E-2</v>
      </c>
      <c r="M76" s="83">
        <v>554</v>
      </c>
      <c r="N76" s="47">
        <v>4.7</v>
      </c>
      <c r="O76" s="48">
        <v>0.19600000000000001</v>
      </c>
      <c r="P76" s="98">
        <v>0.311</v>
      </c>
      <c r="Q76" s="94">
        <v>3.9239115646680159E-2</v>
      </c>
      <c r="R76" s="98">
        <v>0.44400000000000001</v>
      </c>
      <c r="S76" s="94">
        <v>4.2070839680589653E-2</v>
      </c>
      <c r="T76" s="98">
        <v>0.19700000000000001</v>
      </c>
      <c r="U76" s="94">
        <v>3.3814011675897704E-2</v>
      </c>
      <c r="V76" s="93">
        <v>4.7E-2</v>
      </c>
      <c r="W76" s="94">
        <v>1.8495862073707545E-2</v>
      </c>
    </row>
    <row r="77" spans="1:23">
      <c r="A77" s="49" t="s">
        <v>433</v>
      </c>
      <c r="B77" s="112">
        <v>718</v>
      </c>
      <c r="C77" s="51">
        <v>2.6</v>
      </c>
      <c r="D77" s="52">
        <v>0.19600000000000001</v>
      </c>
      <c r="E77" s="113">
        <v>0.73399999999999999</v>
      </c>
      <c r="F77" s="97">
        <v>3.2939887668595444E-2</v>
      </c>
      <c r="G77" s="113">
        <v>9.0999999999999998E-2</v>
      </c>
      <c r="H77" s="97">
        <v>2.164526326747733E-2</v>
      </c>
      <c r="I77" s="113">
        <v>0.16200000000000001</v>
      </c>
      <c r="J77" s="97">
        <v>2.7551850383969456E-2</v>
      </c>
      <c r="K77" s="96">
        <v>1.2999999999999999E-2</v>
      </c>
      <c r="L77" s="97">
        <v>9.252275852240633E-3</v>
      </c>
      <c r="M77" s="112">
        <v>722</v>
      </c>
      <c r="N77" s="51">
        <v>4.4000000000000004</v>
      </c>
      <c r="O77" s="52">
        <v>0.19600000000000001</v>
      </c>
      <c r="P77" s="113">
        <v>0.29699999999999999</v>
      </c>
      <c r="Q77" s="97">
        <v>3.3953772066741217E-2</v>
      </c>
      <c r="R77" s="113">
        <v>0.379</v>
      </c>
      <c r="S77" s="97">
        <v>3.6022635131428962E-2</v>
      </c>
      <c r="T77" s="113">
        <v>0.27200000000000002</v>
      </c>
      <c r="U77" s="97">
        <v>3.3077856934055259E-2</v>
      </c>
      <c r="V77" s="96">
        <v>5.0999999999999997E-2</v>
      </c>
      <c r="W77" s="97">
        <v>1.6699314380553748E-2</v>
      </c>
    </row>
    <row r="78" spans="1:23">
      <c r="A78" s="45" t="s">
        <v>434</v>
      </c>
      <c r="B78" s="110">
        <v>969</v>
      </c>
      <c r="C78" s="47">
        <v>2.2999999999999998</v>
      </c>
      <c r="D78" s="48">
        <v>0.19600000000000001</v>
      </c>
      <c r="E78" s="111">
        <v>0.79100000000000004</v>
      </c>
      <c r="F78" s="94">
        <v>2.6124361882449418E-2</v>
      </c>
      <c r="G78" s="111">
        <v>4.9000000000000002E-2</v>
      </c>
      <c r="H78" s="94">
        <v>1.4086493094110196E-2</v>
      </c>
      <c r="I78" s="111">
        <v>0.14299999999999999</v>
      </c>
      <c r="J78" s="94">
        <v>2.2541201829608584E-2</v>
      </c>
      <c r="K78" s="93">
        <v>1.7000000000000001E-2</v>
      </c>
      <c r="L78" s="94">
        <v>8.7503124164112177E-3</v>
      </c>
      <c r="M78" s="110">
        <v>973</v>
      </c>
      <c r="N78" s="47">
        <v>4.2</v>
      </c>
      <c r="O78" s="48">
        <v>0.19600000000000001</v>
      </c>
      <c r="P78" s="111">
        <v>0.27700000000000002</v>
      </c>
      <c r="Q78" s="94">
        <v>2.8663677418966766E-2</v>
      </c>
      <c r="R78" s="111">
        <v>0.33399999999999996</v>
      </c>
      <c r="S78" s="94">
        <v>3.0193451727067267E-2</v>
      </c>
      <c r="T78" s="111">
        <v>0.32600000000000001</v>
      </c>
      <c r="U78" s="94">
        <v>3.0009988268062247E-2</v>
      </c>
      <c r="V78" s="93">
        <v>6.4000000000000001E-2</v>
      </c>
      <c r="W78" s="94">
        <v>1.586243093285454E-2</v>
      </c>
    </row>
    <row r="79" spans="1:23">
      <c r="A79" s="49" t="s">
        <v>435</v>
      </c>
      <c r="B79" s="112">
        <v>738</v>
      </c>
      <c r="C79" s="51">
        <v>2.6</v>
      </c>
      <c r="D79" s="52">
        <v>0.19600000000000001</v>
      </c>
      <c r="E79" s="113">
        <v>0.73299999999999998</v>
      </c>
      <c r="F79" s="97">
        <v>3.2529874177442707E-2</v>
      </c>
      <c r="G79" s="113">
        <v>7.6999999999999999E-2</v>
      </c>
      <c r="H79" s="97">
        <v>1.983693005166897E-2</v>
      </c>
      <c r="I79" s="113">
        <v>0.17699999999999999</v>
      </c>
      <c r="J79" s="97">
        <v>2.813069316360985E-2</v>
      </c>
      <c r="K79" s="96">
        <v>1.2999999999999999E-2</v>
      </c>
      <c r="L79" s="97">
        <v>9.1059015765019378E-3</v>
      </c>
      <c r="M79" s="112">
        <v>737</v>
      </c>
      <c r="N79" s="51">
        <v>4.4000000000000004</v>
      </c>
      <c r="O79" s="52">
        <v>0.19600000000000001</v>
      </c>
      <c r="P79" s="113">
        <v>0.29299999999999998</v>
      </c>
      <c r="Q79" s="97">
        <v>3.3477074048181767E-2</v>
      </c>
      <c r="R79" s="113">
        <v>0.39400000000000002</v>
      </c>
      <c r="S79" s="97">
        <v>3.5909992363968711E-2</v>
      </c>
      <c r="T79" s="113">
        <v>0.26300000000000001</v>
      </c>
      <c r="U79" s="97">
        <v>3.239731218032274E-2</v>
      </c>
      <c r="V79" s="96">
        <v>4.9000000000000002E-2</v>
      </c>
      <c r="W79" s="97">
        <v>1.6228635525224199E-2</v>
      </c>
    </row>
    <row r="80" spans="1:23">
      <c r="A80" s="53" t="s">
        <v>436</v>
      </c>
      <c r="B80" s="83">
        <v>132</v>
      </c>
      <c r="C80" s="47">
        <v>2.6</v>
      </c>
      <c r="D80" s="48">
        <v>0.39200000000000002</v>
      </c>
      <c r="E80" s="98">
        <v>0.75800000000000001</v>
      </c>
      <c r="F80" s="94">
        <v>7.4220250149547112E-2</v>
      </c>
      <c r="G80" s="98">
        <v>8.8999999999999996E-2</v>
      </c>
      <c r="H80" s="94">
        <v>5.1697480874808015E-2</v>
      </c>
      <c r="I80" s="98">
        <v>0.13900000000000001</v>
      </c>
      <c r="J80" s="94">
        <v>6.1172900273445012E-2</v>
      </c>
      <c r="K80" s="98">
        <v>1.4999999999999999E-2</v>
      </c>
      <c r="L80" s="94">
        <v>2.8905669539531473E-2</v>
      </c>
      <c r="M80" s="83">
        <v>132</v>
      </c>
      <c r="N80" s="47">
        <v>4.2</v>
      </c>
      <c r="O80" s="48">
        <v>0.19600000000000001</v>
      </c>
      <c r="P80" s="98">
        <v>0.20699999999999999</v>
      </c>
      <c r="Q80" s="94">
        <v>7.0528817084107784E-2</v>
      </c>
      <c r="R80" s="98">
        <v>0.46100000000000002</v>
      </c>
      <c r="S80" s="94">
        <v>8.5503208547345763E-2</v>
      </c>
      <c r="T80" s="98">
        <v>0.23199999999999998</v>
      </c>
      <c r="U80" s="94">
        <v>7.3231865791547432E-2</v>
      </c>
      <c r="V80" s="98">
        <v>0.1</v>
      </c>
      <c r="W80" s="94">
        <v>5.4035216294937773E-2</v>
      </c>
    </row>
    <row r="81" spans="1:23">
      <c r="A81" s="49" t="s">
        <v>437</v>
      </c>
      <c r="B81" s="112">
        <v>154</v>
      </c>
      <c r="C81" s="51">
        <v>2.9</v>
      </c>
      <c r="D81" s="52">
        <v>0.39200000000000002</v>
      </c>
      <c r="E81" s="113">
        <v>0.64200000000000002</v>
      </c>
      <c r="F81" s="97">
        <v>7.6447059278222027E-2</v>
      </c>
      <c r="G81" s="113">
        <v>9.8000000000000004E-2</v>
      </c>
      <c r="H81" s="97">
        <v>4.9420670431661144E-2</v>
      </c>
      <c r="I81" s="113">
        <v>0.23400000000000001</v>
      </c>
      <c r="J81" s="97">
        <v>6.8024796881560809E-2</v>
      </c>
      <c r="K81" s="96">
        <v>2.5999999999999999E-2</v>
      </c>
      <c r="L81" s="97">
        <v>3.0421511376497713E-2</v>
      </c>
      <c r="M81" s="112">
        <v>154</v>
      </c>
      <c r="N81" s="51">
        <v>4.7</v>
      </c>
      <c r="O81" s="52">
        <v>0.39200000000000002</v>
      </c>
      <c r="P81" s="113">
        <v>0.375</v>
      </c>
      <c r="Q81" s="97">
        <v>7.7157757974746985E-2</v>
      </c>
      <c r="R81" s="113">
        <v>0.36</v>
      </c>
      <c r="S81" s="97">
        <v>7.653572723664806E-2</v>
      </c>
      <c r="T81" s="113">
        <v>0.21699999999999997</v>
      </c>
      <c r="U81" s="97">
        <v>6.6354401066258437E-2</v>
      </c>
      <c r="V81" s="96">
        <v>4.9000000000000002E-2</v>
      </c>
      <c r="W81" s="97">
        <v>3.7909759755170171E-2</v>
      </c>
    </row>
    <row r="82" spans="1:23">
      <c r="A82" s="57" t="s">
        <v>438</v>
      </c>
      <c r="B82" s="110">
        <v>253</v>
      </c>
      <c r="C82" s="47">
        <v>2.4</v>
      </c>
      <c r="D82" s="48">
        <v>0.19600000000000001</v>
      </c>
      <c r="E82" s="111">
        <v>0.755</v>
      </c>
      <c r="F82" s="94">
        <v>5.3946705589130152E-2</v>
      </c>
      <c r="G82" s="111">
        <v>0.12</v>
      </c>
      <c r="H82" s="94">
        <v>4.1388349935794967E-2</v>
      </c>
      <c r="I82" s="111">
        <v>0.111</v>
      </c>
      <c r="J82" s="94">
        <v>4.0107389823166952E-2</v>
      </c>
      <c r="K82" s="93">
        <v>1.4E-2</v>
      </c>
      <c r="L82" s="94">
        <v>1.8121589983711862E-2</v>
      </c>
      <c r="M82" s="110">
        <v>256</v>
      </c>
      <c r="N82" s="47">
        <v>4</v>
      </c>
      <c r="O82" s="48">
        <v>0.19600000000000001</v>
      </c>
      <c r="P82" s="111">
        <v>0.14499999999999999</v>
      </c>
      <c r="Q82" s="94">
        <v>4.4345299621757754E-2</v>
      </c>
      <c r="R82" s="111">
        <v>0.43</v>
      </c>
      <c r="S82" s="94">
        <v>6.1425327959107656E-2</v>
      </c>
      <c r="T82" s="111">
        <v>0.35399999999999998</v>
      </c>
      <c r="U82" s="94">
        <v>5.9398890395745516E-2</v>
      </c>
      <c r="V82" s="93">
        <v>7.0999999999999994E-2</v>
      </c>
      <c r="W82" s="94">
        <v>3.3184389286345047E-2</v>
      </c>
    </row>
    <row r="83" spans="1:23">
      <c r="A83" s="49" t="s">
        <v>439</v>
      </c>
      <c r="B83" s="112">
        <v>404</v>
      </c>
      <c r="C83" s="51">
        <v>2.8</v>
      </c>
      <c r="D83" s="52">
        <v>0.19600000000000001</v>
      </c>
      <c r="E83" s="113">
        <v>0.67100000000000004</v>
      </c>
      <c r="F83" s="97">
        <v>4.6582158326849553E-2</v>
      </c>
      <c r="G83" s="113">
        <v>0.114</v>
      </c>
      <c r="H83" s="97">
        <v>3.191765894618457E-2</v>
      </c>
      <c r="I83" s="113">
        <v>0.20699999999999999</v>
      </c>
      <c r="J83" s="97">
        <v>4.032053704654448E-2</v>
      </c>
      <c r="K83" s="96">
        <v>8.0000000000000002E-3</v>
      </c>
      <c r="L83" s="97">
        <v>1.1140408036842995E-2</v>
      </c>
      <c r="M83" s="112">
        <v>405</v>
      </c>
      <c r="N83" s="51">
        <v>4.8</v>
      </c>
      <c r="O83" s="52">
        <v>0.19600000000000001</v>
      </c>
      <c r="P83" s="113">
        <v>0.36299999999999999</v>
      </c>
      <c r="Q83" s="97">
        <v>4.7592023801895936E-2</v>
      </c>
      <c r="R83" s="113">
        <v>0.42199999999999999</v>
      </c>
      <c r="S83" s="97">
        <v>4.8853297734341425E-2</v>
      </c>
      <c r="T83" s="113">
        <v>0.19600000000000001</v>
      </c>
      <c r="U83" s="97">
        <v>3.9481085015624272E-2</v>
      </c>
      <c r="V83" s="96">
        <v>1.9E-2</v>
      </c>
      <c r="W83" s="97">
        <v>1.5044276769558725E-2</v>
      </c>
    </row>
    <row r="84" spans="1:23">
      <c r="A84" s="57" t="s">
        <v>440</v>
      </c>
      <c r="B84" s="110">
        <v>407</v>
      </c>
      <c r="C84" s="47">
        <v>2.2999999999999998</v>
      </c>
      <c r="D84" s="48">
        <v>0.19600000000000001</v>
      </c>
      <c r="E84" s="111">
        <v>0.78300000000000003</v>
      </c>
      <c r="F84" s="94">
        <v>4.0850129506183913E-2</v>
      </c>
      <c r="G84" s="111">
        <v>7.6999999999999999E-2</v>
      </c>
      <c r="H84" s="94">
        <v>2.6933613072243408E-2</v>
      </c>
      <c r="I84" s="111">
        <v>0.123</v>
      </c>
      <c r="J84" s="94">
        <v>3.2812085916991675E-2</v>
      </c>
      <c r="K84" s="93">
        <v>1.6E-2</v>
      </c>
      <c r="L84" s="94">
        <v>1.4049456973672535E-2</v>
      </c>
      <c r="M84" s="110">
        <v>410</v>
      </c>
      <c r="N84" s="47">
        <v>4.7</v>
      </c>
      <c r="O84" s="48">
        <v>0.19600000000000001</v>
      </c>
      <c r="P84" s="111">
        <v>0.32500000000000001</v>
      </c>
      <c r="Q84" s="94">
        <v>4.6100491845919467E-2</v>
      </c>
      <c r="R84" s="111">
        <v>0.42000000000000004</v>
      </c>
      <c r="S84" s="94">
        <v>4.8526408373883903E-2</v>
      </c>
      <c r="T84" s="111">
        <v>0.21500000000000002</v>
      </c>
      <c r="U84" s="94">
        <v>4.0568065637069751E-2</v>
      </c>
      <c r="V84" s="93">
        <v>0.04</v>
      </c>
      <c r="W84" s="94">
        <v>2.0256599283112898E-2</v>
      </c>
    </row>
    <row r="85" spans="1:23">
      <c r="A85" s="49" t="s">
        <v>441</v>
      </c>
      <c r="B85" s="112">
        <v>279</v>
      </c>
      <c r="C85" s="51">
        <v>3.1</v>
      </c>
      <c r="D85" s="52">
        <v>0.19600000000000001</v>
      </c>
      <c r="E85" s="113">
        <v>0.58799999999999997</v>
      </c>
      <c r="F85" s="97">
        <v>5.8542167410467742E-2</v>
      </c>
      <c r="G85" s="113">
        <v>0.11700000000000001</v>
      </c>
      <c r="H85" s="97">
        <v>3.8966939020139833E-2</v>
      </c>
      <c r="I85" s="113">
        <v>0.26800000000000002</v>
      </c>
      <c r="J85" s="97">
        <v>5.2859808409399509E-2</v>
      </c>
      <c r="K85" s="96">
        <v>2.7E-2</v>
      </c>
      <c r="L85" s="97">
        <v>2.1449521191631717E-2</v>
      </c>
      <c r="M85" s="112">
        <v>281</v>
      </c>
      <c r="N85" s="51">
        <v>4.8</v>
      </c>
      <c r="O85" s="52">
        <v>0.19600000000000001</v>
      </c>
      <c r="P85" s="113">
        <v>0.376</v>
      </c>
      <c r="Q85" s="97">
        <v>5.7436778753976417E-2</v>
      </c>
      <c r="R85" s="113">
        <v>0.30399999999999999</v>
      </c>
      <c r="S85" s="97">
        <v>5.463175306163004E-2</v>
      </c>
      <c r="T85" s="113">
        <v>0.23899999999999999</v>
      </c>
      <c r="U85" s="97">
        <v>5.0787171981009571E-2</v>
      </c>
      <c r="V85" s="96">
        <v>8.1000000000000003E-2</v>
      </c>
      <c r="W85" s="97">
        <v>3.3368215871016481E-2</v>
      </c>
    </row>
    <row r="86" spans="1:23">
      <c r="A86" s="57" t="s">
        <v>442</v>
      </c>
      <c r="B86" s="110">
        <v>765</v>
      </c>
      <c r="C86" s="47">
        <v>2.6</v>
      </c>
      <c r="D86" s="48">
        <v>0.19600000000000001</v>
      </c>
      <c r="E86" s="111">
        <v>0.71399999999999997</v>
      </c>
      <c r="F86" s="94">
        <v>3.2628992370144057E-2</v>
      </c>
      <c r="G86" s="111">
        <v>0.10299999999999999</v>
      </c>
      <c r="H86" s="94">
        <v>2.2115239164156409E-2</v>
      </c>
      <c r="I86" s="111">
        <v>0.16600000000000001</v>
      </c>
      <c r="J86" s="94">
        <v>2.6947090891935803E-2</v>
      </c>
      <c r="K86" s="93">
        <v>1.7000000000000001E-2</v>
      </c>
      <c r="L86" s="94">
        <v>9.9756848102182348E-3</v>
      </c>
      <c r="M86" s="110">
        <v>772</v>
      </c>
      <c r="N86" s="47">
        <v>4.3</v>
      </c>
      <c r="O86" s="48">
        <v>0.19600000000000001</v>
      </c>
      <c r="P86" s="111">
        <v>0.25600000000000001</v>
      </c>
      <c r="Q86" s="94">
        <v>3.1383575659347039E-2</v>
      </c>
      <c r="R86" s="111">
        <v>0.39200000000000002</v>
      </c>
      <c r="S86" s="94">
        <v>3.5059297155598391E-2</v>
      </c>
      <c r="T86" s="111">
        <v>0.29300000000000004</v>
      </c>
      <c r="U86" s="94">
        <v>3.2711768725958927E-2</v>
      </c>
      <c r="V86" s="93">
        <v>5.8999999999999997E-2</v>
      </c>
      <c r="W86" s="94">
        <v>1.7218844768803081E-2</v>
      </c>
    </row>
    <row r="87" spans="1:23">
      <c r="A87" s="49" t="s">
        <v>443</v>
      </c>
      <c r="B87" s="112">
        <v>1004</v>
      </c>
      <c r="C87" s="51">
        <v>2.6</v>
      </c>
      <c r="D87" s="52">
        <v>0.19600000000000001</v>
      </c>
      <c r="E87" s="113">
        <v>0.71399999999999997</v>
      </c>
      <c r="F87" s="97">
        <v>2.8491626392124408E-2</v>
      </c>
      <c r="G87" s="113">
        <v>0.108</v>
      </c>
      <c r="H87" s="97">
        <v>1.9675253956779475E-2</v>
      </c>
      <c r="I87" s="113">
        <v>0.153</v>
      </c>
      <c r="J87" s="97">
        <v>2.2760374478992481E-2</v>
      </c>
      <c r="K87" s="96">
        <v>2.5000000000000001E-2</v>
      </c>
      <c r="L87" s="97">
        <v>1.0189109046633329E-2</v>
      </c>
      <c r="M87" s="112">
        <v>1009</v>
      </c>
      <c r="N87" s="51">
        <v>4.4000000000000004</v>
      </c>
      <c r="O87" s="52">
        <v>0.19600000000000001</v>
      </c>
      <c r="P87" s="113">
        <v>0.26500000000000001</v>
      </c>
      <c r="Q87" s="97">
        <v>2.7763652706483496E-2</v>
      </c>
      <c r="R87" s="113">
        <v>0.39800000000000002</v>
      </c>
      <c r="S87" s="97">
        <v>3.0763756168364347E-2</v>
      </c>
      <c r="T87" s="113">
        <v>0.28200000000000003</v>
      </c>
      <c r="U87" s="97">
        <v>2.8301756574950602E-2</v>
      </c>
      <c r="V87" s="96">
        <v>5.6000000000000001E-2</v>
      </c>
      <c r="W87" s="97">
        <v>1.4658707000098754E-2</v>
      </c>
    </row>
    <row r="88" spans="1:23">
      <c r="A88" s="57" t="s">
        <v>444</v>
      </c>
      <c r="B88" s="110">
        <v>280</v>
      </c>
      <c r="C88" s="47">
        <v>2.5</v>
      </c>
      <c r="D88" s="48">
        <v>0.19600000000000001</v>
      </c>
      <c r="E88" s="111">
        <v>0.74</v>
      </c>
      <c r="F88" s="94">
        <v>5.2273806343861494E-2</v>
      </c>
      <c r="G88" s="111">
        <v>7.8E-2</v>
      </c>
      <c r="H88" s="94">
        <v>3.2909847746295719E-2</v>
      </c>
      <c r="I88" s="111">
        <v>0.17899999999999999</v>
      </c>
      <c r="J88" s="94">
        <v>4.5939507498432584E-2</v>
      </c>
      <c r="K88" s="93">
        <v>3.0000000000000001E-3</v>
      </c>
      <c r="L88" s="94">
        <v>1.1808328404914468E-2</v>
      </c>
      <c r="M88" s="110">
        <v>282</v>
      </c>
      <c r="N88" s="47">
        <v>4.9000000000000004</v>
      </c>
      <c r="O88" s="48">
        <v>0.19600000000000001</v>
      </c>
      <c r="P88" s="111">
        <v>0.435</v>
      </c>
      <c r="Q88" s="94">
        <v>5.8643447385750835E-2</v>
      </c>
      <c r="R88" s="111">
        <v>0.32</v>
      </c>
      <c r="S88" s="94">
        <v>5.5280588278278642E-2</v>
      </c>
      <c r="T88" s="111">
        <v>0.22</v>
      </c>
      <c r="U88" s="94">
        <v>4.9299664714638702E-2</v>
      </c>
      <c r="V88" s="93">
        <v>2.4E-2</v>
      </c>
      <c r="W88" s="94">
        <v>2.0386979938883363E-2</v>
      </c>
    </row>
    <row r="89" spans="1:23">
      <c r="A89" s="49" t="s">
        <v>445</v>
      </c>
      <c r="B89" s="112">
        <v>190</v>
      </c>
      <c r="C89" s="51">
        <v>2.8</v>
      </c>
      <c r="D89" s="52">
        <v>0.19600000000000001</v>
      </c>
      <c r="E89" s="113">
        <v>0.68100000000000005</v>
      </c>
      <c r="F89" s="97">
        <v>6.7132127229132199E-2</v>
      </c>
      <c r="G89" s="113">
        <v>9.9000000000000005E-2</v>
      </c>
      <c r="H89" s="97">
        <v>4.4434965466459989E-2</v>
      </c>
      <c r="I89" s="113">
        <v>0.19800000000000001</v>
      </c>
      <c r="J89" s="97">
        <v>5.788688162218409E-2</v>
      </c>
      <c r="K89" s="96">
        <v>2.3E-2</v>
      </c>
      <c r="L89" s="97">
        <v>2.5588701975490374E-2</v>
      </c>
      <c r="M89" s="112">
        <v>193</v>
      </c>
      <c r="N89" s="51">
        <v>4.5999999999999996</v>
      </c>
      <c r="O89" s="52">
        <v>0.19600000000000001</v>
      </c>
      <c r="P89" s="113">
        <v>0.23599999999999999</v>
      </c>
      <c r="Q89" s="97">
        <v>6.0974415948490041E-2</v>
      </c>
      <c r="R89" s="113">
        <v>0.52400000000000002</v>
      </c>
      <c r="S89" s="97">
        <v>7.1168229008085462E-2</v>
      </c>
      <c r="T89" s="113">
        <v>0.17399999999999999</v>
      </c>
      <c r="U89" s="97">
        <v>5.4817826893701113E-2</v>
      </c>
      <c r="V89" s="96">
        <v>6.7000000000000004E-2</v>
      </c>
      <c r="W89" s="97">
        <v>3.7713175975319112E-2</v>
      </c>
    </row>
    <row r="90" spans="1:23">
      <c r="A90" s="57" t="s">
        <v>446</v>
      </c>
      <c r="B90" s="110">
        <v>166</v>
      </c>
      <c r="C90" s="47">
        <v>3.1</v>
      </c>
      <c r="D90" s="48">
        <v>0.39200000000000002</v>
      </c>
      <c r="E90" s="111">
        <v>0.66700000000000004</v>
      </c>
      <c r="F90" s="94">
        <v>7.2502816700269146E-2</v>
      </c>
      <c r="G90" s="111">
        <v>7.0000000000000007E-2</v>
      </c>
      <c r="H90" s="94">
        <v>4.16424019447885E-2</v>
      </c>
      <c r="I90" s="111">
        <v>0.25600000000000001</v>
      </c>
      <c r="J90" s="94">
        <v>6.7428870236870497E-2</v>
      </c>
      <c r="K90" s="93">
        <v>8.0000000000000002E-3</v>
      </c>
      <c r="L90" s="94">
        <v>2.1251010986355314E-2</v>
      </c>
      <c r="M90" s="110">
        <v>165</v>
      </c>
      <c r="N90" s="47">
        <v>4.9000000000000004</v>
      </c>
      <c r="O90" s="48">
        <v>0.19600000000000001</v>
      </c>
      <c r="P90" s="111">
        <v>0.373</v>
      </c>
      <c r="Q90" s="94">
        <v>7.4520235514117183E-2</v>
      </c>
      <c r="R90" s="111">
        <v>0.43600000000000005</v>
      </c>
      <c r="S90" s="94">
        <v>7.6320036050875992E-2</v>
      </c>
      <c r="T90" s="111">
        <v>0.161</v>
      </c>
      <c r="U90" s="94">
        <v>5.765735722440745E-2</v>
      </c>
      <c r="V90" s="93">
        <v>0.03</v>
      </c>
      <c r="W90" s="94">
        <v>3.0550397034106936E-2</v>
      </c>
    </row>
    <row r="91" spans="1:23">
      <c r="A91" s="49" t="s">
        <v>447</v>
      </c>
      <c r="B91" s="112">
        <v>79</v>
      </c>
      <c r="C91" s="51">
        <v>2.2000000000000002</v>
      </c>
      <c r="D91" s="52">
        <v>0.39200000000000002</v>
      </c>
      <c r="E91" s="113">
        <v>0.81499999999999995</v>
      </c>
      <c r="F91" s="97">
        <v>8.7841149364332946E-2</v>
      </c>
      <c r="G91" s="113">
        <v>7.1999999999999995E-2</v>
      </c>
      <c r="H91" s="97">
        <v>6.3643145328232911E-2</v>
      </c>
      <c r="I91" s="113">
        <v>8.7999999999999995E-2</v>
      </c>
      <c r="J91" s="97">
        <v>6.8097247860996371E-2</v>
      </c>
      <c r="K91" s="96">
        <v>2.5999999999999999E-2</v>
      </c>
      <c r="L91" s="97">
        <v>4.7317282489111774E-2</v>
      </c>
      <c r="M91" s="112">
        <v>78</v>
      </c>
      <c r="N91" s="51">
        <v>4.0999999999999996</v>
      </c>
      <c r="O91" s="52">
        <v>0.39200000000000002</v>
      </c>
      <c r="P91" s="113">
        <v>0.17599999999999999</v>
      </c>
      <c r="Q91" s="97">
        <v>8.6958293004279888E-2</v>
      </c>
      <c r="R91" s="113">
        <v>0.42599999999999999</v>
      </c>
      <c r="S91" s="97">
        <v>0.10933172024564045</v>
      </c>
      <c r="T91" s="113">
        <v>0.29899999999999999</v>
      </c>
      <c r="U91" s="97">
        <v>0.10203883176231232</v>
      </c>
      <c r="V91" s="96">
        <v>9.9000000000000005E-2</v>
      </c>
      <c r="W91" s="97">
        <v>7.1398664560927541E-2</v>
      </c>
    </row>
  </sheetData>
  <mergeCells count="14">
    <mergeCell ref="A4:W4"/>
    <mergeCell ref="A3:W3"/>
    <mergeCell ref="A34:AS34"/>
    <mergeCell ref="A33:AS33"/>
    <mergeCell ref="X35:AH35"/>
    <mergeCell ref="B5:L5"/>
    <mergeCell ref="M5:W5"/>
    <mergeCell ref="M65:W65"/>
    <mergeCell ref="B65:L65"/>
    <mergeCell ref="A63:W63"/>
    <mergeCell ref="A64:W64"/>
    <mergeCell ref="AI35:AS35"/>
    <mergeCell ref="M35:W35"/>
    <mergeCell ref="B35:L35"/>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G184"/>
  <sheetViews>
    <sheetView zoomScaleNormal="100" zoomScalePageLayoutView="75" workbookViewId="0">
      <selection activeCell="A4" sqref="A4:D4"/>
    </sheetView>
  </sheetViews>
  <sheetFormatPr defaultColWidth="22.85546875" defaultRowHeight="15"/>
  <cols>
    <col min="1" max="1" width="45.7109375" customWidth="1"/>
  </cols>
  <sheetData>
    <row r="1" spans="1:6" ht="31.5">
      <c r="A1" s="33" t="s">
        <v>42</v>
      </c>
    </row>
    <row r="3" spans="1:6" ht="18.75">
      <c r="A3" s="335" t="s">
        <v>1</v>
      </c>
      <c r="B3" s="335"/>
      <c r="C3" s="335"/>
      <c r="D3" s="335"/>
    </row>
    <row r="4" spans="1:6" ht="201" customHeight="1">
      <c r="A4" s="377" t="s">
        <v>210</v>
      </c>
      <c r="B4" s="377"/>
      <c r="C4" s="377"/>
      <c r="D4" s="377"/>
      <c r="F4" s="228"/>
    </row>
    <row r="5" spans="1:6" ht="34.5" customHeight="1">
      <c r="A5" s="378" t="s">
        <v>122</v>
      </c>
      <c r="B5" s="372"/>
      <c r="C5" s="372"/>
      <c r="D5" s="372"/>
    </row>
    <row r="6" spans="1:6" ht="43.5" customHeight="1">
      <c r="A6" s="37" t="s">
        <v>85</v>
      </c>
      <c r="B6" s="38" t="s">
        <v>86</v>
      </c>
      <c r="C6" s="39" t="s">
        <v>87</v>
      </c>
      <c r="D6" s="40" t="s">
        <v>88</v>
      </c>
    </row>
    <row r="7" spans="1:6" ht="56.25" customHeight="1">
      <c r="A7" s="41"/>
      <c r="B7" s="42" t="s">
        <v>89</v>
      </c>
      <c r="C7" s="43" t="s">
        <v>123</v>
      </c>
      <c r="D7" s="44" t="s">
        <v>91</v>
      </c>
    </row>
    <row r="8" spans="1:6">
      <c r="A8" s="45" t="s">
        <v>424</v>
      </c>
      <c r="B8" s="83">
        <v>10585</v>
      </c>
      <c r="C8" s="84">
        <v>4.2</v>
      </c>
      <c r="D8" s="85">
        <v>1.9599999999999999E-2</v>
      </c>
    </row>
    <row r="9" spans="1:6">
      <c r="A9" s="49" t="s">
        <v>425</v>
      </c>
      <c r="B9" s="116">
        <v>7673</v>
      </c>
      <c r="C9" s="117">
        <v>4.0990636879316202</v>
      </c>
      <c r="D9" s="118">
        <v>2.3820489802410118E-2</v>
      </c>
    </row>
    <row r="10" spans="1:6">
      <c r="A10" s="45" t="s">
        <v>426</v>
      </c>
      <c r="B10" s="83">
        <v>1949</v>
      </c>
      <c r="C10" s="84">
        <v>4.16</v>
      </c>
      <c r="D10" s="85">
        <v>5.8799999999999998E-2</v>
      </c>
    </row>
    <row r="11" spans="1:6">
      <c r="A11" s="49" t="s">
        <v>427</v>
      </c>
      <c r="B11" s="116">
        <v>8126</v>
      </c>
      <c r="C11" s="117">
        <v>4.2</v>
      </c>
      <c r="D11" s="118">
        <v>0</v>
      </c>
    </row>
    <row r="12" spans="1:6">
      <c r="A12" s="45" t="s">
        <v>428</v>
      </c>
      <c r="B12" s="83">
        <v>2473</v>
      </c>
      <c r="C12" s="84">
        <v>4.5</v>
      </c>
      <c r="D12" s="85">
        <v>0</v>
      </c>
    </row>
    <row r="13" spans="1:6">
      <c r="A13" s="49" t="s">
        <v>429</v>
      </c>
      <c r="B13" s="116">
        <v>614</v>
      </c>
      <c r="C13" s="117">
        <v>4.4000000000000004</v>
      </c>
      <c r="D13" s="118">
        <v>0</v>
      </c>
    </row>
    <row r="14" spans="1:6">
      <c r="A14" s="45" t="s">
        <v>430</v>
      </c>
      <c r="B14" s="83">
        <v>1562</v>
      </c>
      <c r="C14" s="84">
        <v>4.5</v>
      </c>
      <c r="D14" s="85">
        <v>0</v>
      </c>
    </row>
    <row r="15" spans="1:6">
      <c r="A15" s="49" t="s">
        <v>431</v>
      </c>
      <c r="B15" s="116">
        <v>240</v>
      </c>
      <c r="C15" s="117">
        <v>4.7</v>
      </c>
      <c r="D15" s="118">
        <v>0.19600000000000001</v>
      </c>
    </row>
    <row r="16" spans="1:6">
      <c r="A16" s="45" t="s">
        <v>432</v>
      </c>
      <c r="B16" s="83">
        <v>549</v>
      </c>
      <c r="C16" s="84">
        <v>4.5</v>
      </c>
      <c r="D16" s="85">
        <v>0</v>
      </c>
    </row>
    <row r="17" spans="1:4">
      <c r="A17" s="49" t="s">
        <v>433</v>
      </c>
      <c r="B17" s="116">
        <v>711</v>
      </c>
      <c r="C17" s="117">
        <v>4.5</v>
      </c>
      <c r="D17" s="118">
        <v>0</v>
      </c>
    </row>
    <row r="18" spans="1:4">
      <c r="A18" s="45" t="s">
        <v>434</v>
      </c>
      <c r="B18" s="83">
        <v>953</v>
      </c>
      <c r="C18" s="84">
        <v>4.3</v>
      </c>
      <c r="D18" s="85">
        <v>0</v>
      </c>
    </row>
    <row r="19" spans="1:4">
      <c r="A19" s="49" t="s">
        <v>435</v>
      </c>
      <c r="B19" s="116">
        <v>734</v>
      </c>
      <c r="C19" s="117">
        <v>4.5</v>
      </c>
      <c r="D19" s="118">
        <v>0</v>
      </c>
    </row>
    <row r="20" spans="1:4">
      <c r="A20" s="45" t="s">
        <v>436</v>
      </c>
      <c r="B20" s="83">
        <v>128</v>
      </c>
      <c r="C20" s="84">
        <v>4.0999999999999996</v>
      </c>
      <c r="D20" s="85">
        <v>0.19600000000000001</v>
      </c>
    </row>
    <row r="21" spans="1:4">
      <c r="A21" s="49" t="s">
        <v>437</v>
      </c>
      <c r="B21" s="116">
        <v>152</v>
      </c>
      <c r="C21" s="117">
        <v>4.5999999999999996</v>
      </c>
      <c r="D21" s="118">
        <v>0.19600000000000001</v>
      </c>
    </row>
    <row r="22" spans="1:4">
      <c r="A22" s="45" t="s">
        <v>438</v>
      </c>
      <c r="B22" s="83">
        <v>256</v>
      </c>
      <c r="C22" s="84">
        <v>4.5</v>
      </c>
      <c r="D22" s="85">
        <v>0.19600000000000001</v>
      </c>
    </row>
    <row r="23" spans="1:4">
      <c r="A23" s="49" t="s">
        <v>439</v>
      </c>
      <c r="B23" s="116">
        <v>400</v>
      </c>
      <c r="C23" s="117">
        <v>4.7</v>
      </c>
      <c r="D23" s="118">
        <v>0.19600000000000001</v>
      </c>
    </row>
    <row r="24" spans="1:4">
      <c r="A24" s="45" t="s">
        <v>440</v>
      </c>
      <c r="B24" s="83">
        <v>403</v>
      </c>
      <c r="C24" s="84">
        <v>4.4000000000000004</v>
      </c>
      <c r="D24" s="85">
        <v>0.19600000000000001</v>
      </c>
    </row>
    <row r="25" spans="1:4">
      <c r="A25" s="49" t="s">
        <v>441</v>
      </c>
      <c r="B25" s="116">
        <v>271</v>
      </c>
      <c r="C25" s="117">
        <v>4.4000000000000004</v>
      </c>
      <c r="D25" s="118">
        <v>0.19600000000000001</v>
      </c>
    </row>
    <row r="26" spans="1:4">
      <c r="A26" s="45" t="s">
        <v>442</v>
      </c>
      <c r="B26" s="83">
        <v>767</v>
      </c>
      <c r="C26" s="84">
        <v>4.5999999999999996</v>
      </c>
      <c r="D26" s="85">
        <v>0</v>
      </c>
    </row>
    <row r="27" spans="1:4">
      <c r="A27" s="49" t="s">
        <v>443</v>
      </c>
      <c r="B27" s="116">
        <v>982</v>
      </c>
      <c r="C27" s="117">
        <v>4.4000000000000004</v>
      </c>
      <c r="D27" s="118">
        <v>0</v>
      </c>
    </row>
    <row r="28" spans="1:4">
      <c r="A28" s="45" t="s">
        <v>444</v>
      </c>
      <c r="B28" s="83">
        <v>280</v>
      </c>
      <c r="C28" s="84">
        <v>4.4000000000000004</v>
      </c>
      <c r="D28" s="85">
        <v>0.19600000000000001</v>
      </c>
    </row>
    <row r="29" spans="1:4">
      <c r="A29" s="49" t="s">
        <v>445</v>
      </c>
      <c r="B29" s="116">
        <v>191</v>
      </c>
      <c r="C29" s="117">
        <v>4.4000000000000004</v>
      </c>
      <c r="D29" s="118">
        <v>0.19600000000000001</v>
      </c>
    </row>
    <row r="30" spans="1:4">
      <c r="A30" s="45" t="s">
        <v>446</v>
      </c>
      <c r="B30" s="83">
        <v>165</v>
      </c>
      <c r="C30" s="84">
        <v>4.7</v>
      </c>
      <c r="D30" s="85">
        <v>0.19600000000000001</v>
      </c>
    </row>
    <row r="31" spans="1:4">
      <c r="A31" s="49" t="s">
        <v>447</v>
      </c>
      <c r="B31" s="116">
        <v>78</v>
      </c>
      <c r="C31" s="117">
        <v>4.2</v>
      </c>
      <c r="D31" s="118">
        <v>0.19600000000000001</v>
      </c>
    </row>
    <row r="36" spans="1:17" ht="18.75">
      <c r="A36" s="335" t="s">
        <v>35</v>
      </c>
      <c r="B36" s="335"/>
      <c r="C36" s="335"/>
      <c r="D36" s="335"/>
      <c r="E36" s="335"/>
      <c r="F36" s="335"/>
      <c r="G36" s="335"/>
      <c r="H36" s="335"/>
      <c r="I36" s="335"/>
      <c r="J36" s="335"/>
      <c r="K36" s="335"/>
      <c r="L36" s="335"/>
      <c r="M36" s="335"/>
      <c r="N36" s="335"/>
      <c r="O36" s="335"/>
      <c r="P36" s="335"/>
      <c r="Q36" s="335"/>
    </row>
    <row r="37" spans="1:17" ht="58.5" customHeight="1">
      <c r="A37" s="373" t="s">
        <v>211</v>
      </c>
      <c r="B37" s="373"/>
      <c r="C37" s="373"/>
      <c r="D37" s="373"/>
      <c r="E37" s="373"/>
      <c r="F37" s="373"/>
      <c r="G37" s="373"/>
      <c r="H37" s="373"/>
      <c r="I37" s="373"/>
      <c r="J37" s="373"/>
      <c r="K37" s="373"/>
      <c r="L37" s="373"/>
      <c r="M37" s="373"/>
      <c r="N37" s="373"/>
      <c r="O37" s="373"/>
      <c r="P37" s="373"/>
      <c r="Q37" s="373"/>
    </row>
    <row r="38" spans="1:17" ht="39" customHeight="1">
      <c r="A38" s="107"/>
      <c r="B38" s="372" t="s">
        <v>124</v>
      </c>
      <c r="C38" s="372"/>
      <c r="D38" s="372"/>
      <c r="E38" s="372"/>
      <c r="F38" s="372"/>
      <c r="G38" s="372"/>
      <c r="H38" s="372"/>
      <c r="I38" s="372" t="s">
        <v>324</v>
      </c>
      <c r="J38" s="372"/>
      <c r="K38" s="372"/>
      <c r="L38" s="372"/>
      <c r="M38" s="372"/>
      <c r="N38" s="372"/>
      <c r="O38" s="372"/>
      <c r="P38" s="372"/>
      <c r="Q38" s="372"/>
    </row>
    <row r="39" spans="1:17" ht="39.75" customHeight="1">
      <c r="A39" s="37" t="s">
        <v>85</v>
      </c>
      <c r="B39" s="38" t="s">
        <v>86</v>
      </c>
      <c r="C39" s="38" t="s">
        <v>196</v>
      </c>
      <c r="D39" s="89" t="s">
        <v>125</v>
      </c>
      <c r="E39" s="38" t="s">
        <v>212</v>
      </c>
      <c r="F39" s="89" t="s">
        <v>126</v>
      </c>
      <c r="G39" s="38" t="s">
        <v>214</v>
      </c>
      <c r="H39" s="89" t="s">
        <v>127</v>
      </c>
      <c r="I39" s="65" t="s">
        <v>86</v>
      </c>
      <c r="J39" s="65" t="s">
        <v>197</v>
      </c>
      <c r="K39" s="88" t="s">
        <v>128</v>
      </c>
      <c r="L39" s="65" t="s">
        <v>198</v>
      </c>
      <c r="M39" s="88" t="s">
        <v>129</v>
      </c>
      <c r="N39" s="65" t="s">
        <v>199</v>
      </c>
      <c r="O39" s="88" t="s">
        <v>130</v>
      </c>
      <c r="P39" s="65" t="s">
        <v>200</v>
      </c>
      <c r="Q39" s="88" t="s">
        <v>131</v>
      </c>
    </row>
    <row r="40" spans="1:17" ht="63" customHeight="1">
      <c r="A40" s="41"/>
      <c r="B40" s="42" t="s">
        <v>89</v>
      </c>
      <c r="C40" s="42" t="s">
        <v>209</v>
      </c>
      <c r="D40" s="91" t="s">
        <v>104</v>
      </c>
      <c r="E40" s="42" t="s">
        <v>213</v>
      </c>
      <c r="F40" s="91" t="s">
        <v>104</v>
      </c>
      <c r="G40" s="42" t="s">
        <v>215</v>
      </c>
      <c r="H40" s="91" t="s">
        <v>104</v>
      </c>
      <c r="I40" s="68" t="s">
        <v>89</v>
      </c>
      <c r="J40" s="68" t="s">
        <v>325</v>
      </c>
      <c r="K40" s="90" t="s">
        <v>104</v>
      </c>
      <c r="L40" s="68" t="s">
        <v>326</v>
      </c>
      <c r="M40" s="90" t="s">
        <v>104</v>
      </c>
      <c r="N40" s="68" t="s">
        <v>327</v>
      </c>
      <c r="O40" s="90" t="s">
        <v>104</v>
      </c>
      <c r="P40" s="68" t="s">
        <v>328</v>
      </c>
      <c r="Q40" s="90" t="s">
        <v>104</v>
      </c>
    </row>
    <row r="41" spans="1:17">
      <c r="A41" s="45" t="s">
        <v>424</v>
      </c>
      <c r="B41" s="119">
        <v>7941</v>
      </c>
      <c r="C41" s="120">
        <v>0.36</v>
      </c>
      <c r="D41" s="94">
        <v>1.0770673903927353E-2</v>
      </c>
      <c r="E41" s="120">
        <v>0.44</v>
      </c>
      <c r="F41" s="94">
        <v>1.1137984017958874E-2</v>
      </c>
      <c r="G41" s="120">
        <v>0.2</v>
      </c>
      <c r="H41" s="94">
        <v>8.9777180358180629E-3</v>
      </c>
      <c r="I41" s="121">
        <v>10570</v>
      </c>
      <c r="J41" s="120">
        <v>7.0000000000000007E-2</v>
      </c>
      <c r="K41" s="94">
        <v>4.9678315993187698E-3</v>
      </c>
      <c r="L41" s="120">
        <v>0.33</v>
      </c>
      <c r="M41" s="94">
        <v>9.1458944045153031E-3</v>
      </c>
      <c r="N41" s="120">
        <v>0.45</v>
      </c>
      <c r="O41" s="94">
        <v>9.6760834098690348E-3</v>
      </c>
      <c r="P41" s="120">
        <v>0.15</v>
      </c>
      <c r="Q41" s="94">
        <v>6.9474142141470012E-3</v>
      </c>
    </row>
    <row r="42" spans="1:17">
      <c r="A42" s="49" t="s">
        <v>425</v>
      </c>
      <c r="B42" s="49">
        <v>7384</v>
      </c>
      <c r="C42" s="123">
        <v>0.36</v>
      </c>
      <c r="D42" s="97">
        <v>1.1169347068972688E-2</v>
      </c>
      <c r="E42" s="123">
        <v>0.43</v>
      </c>
      <c r="F42" s="97">
        <v>1.1519746105406547E-2</v>
      </c>
      <c r="G42" s="123">
        <v>0.21</v>
      </c>
      <c r="H42" s="97">
        <v>9.4800117976022863E-3</v>
      </c>
      <c r="I42" s="49">
        <v>8448</v>
      </c>
      <c r="J42" s="123">
        <v>0.06</v>
      </c>
      <c r="K42" s="97">
        <v>5.174805323020947E-3</v>
      </c>
      <c r="L42" s="123">
        <v>0.32</v>
      </c>
      <c r="M42" s="97">
        <v>1.0148697109705583E-2</v>
      </c>
      <c r="N42" s="123">
        <v>0.46</v>
      </c>
      <c r="O42" s="97">
        <v>1.0842448570167662E-2</v>
      </c>
      <c r="P42" s="123">
        <v>0.16</v>
      </c>
      <c r="Q42" s="97">
        <v>7.9785974947230963E-3</v>
      </c>
    </row>
    <row r="43" spans="1:17">
      <c r="A43" s="45" t="s">
        <v>426</v>
      </c>
      <c r="B43" s="53">
        <v>709</v>
      </c>
      <c r="C43" s="120">
        <v>0.33600000000000002</v>
      </c>
      <c r="D43" s="94">
        <v>3.5402310674731388E-2</v>
      </c>
      <c r="E43" s="120">
        <v>0.42</v>
      </c>
      <c r="F43" s="94">
        <v>3.6973255777585964E-2</v>
      </c>
      <c r="G43" s="120">
        <v>0.24399999999999999</v>
      </c>
      <c r="H43" s="94">
        <v>3.2233132550217612E-2</v>
      </c>
      <c r="I43" s="53">
        <v>1949</v>
      </c>
      <c r="J43" s="120">
        <v>8.3000000000000004E-2</v>
      </c>
      <c r="K43" s="94">
        <v>1.2543631215236904E-2</v>
      </c>
      <c r="L43" s="120">
        <v>0.35</v>
      </c>
      <c r="M43" s="94">
        <v>2.1590238426645487E-2</v>
      </c>
      <c r="N43" s="120">
        <v>0.40500000000000003</v>
      </c>
      <c r="O43" s="94">
        <v>2.22176512358165E-2</v>
      </c>
      <c r="P43" s="120">
        <v>0.16200000000000001</v>
      </c>
      <c r="Q43" s="94">
        <v>1.6703400019908173E-2</v>
      </c>
    </row>
    <row r="44" spans="1:17">
      <c r="A44" s="49" t="s">
        <v>427</v>
      </c>
      <c r="B44" s="49">
        <v>5812</v>
      </c>
      <c r="C44" s="123">
        <v>0.36499999999999999</v>
      </c>
      <c r="D44" s="97">
        <v>1.2626255372375855E-2</v>
      </c>
      <c r="E44" s="123">
        <v>0.439</v>
      </c>
      <c r="F44" s="97">
        <v>1.3014755051890906E-2</v>
      </c>
      <c r="G44" s="123">
        <v>0.19600000000000001</v>
      </c>
      <c r="H44" s="97">
        <v>1.0414751070465588E-2</v>
      </c>
      <c r="I44" s="49">
        <v>8119</v>
      </c>
      <c r="J44" s="123">
        <v>6.7000000000000004E-2</v>
      </c>
      <c r="K44" s="97">
        <v>5.556359233294123E-3</v>
      </c>
      <c r="L44" s="123">
        <v>0.33300000000000002</v>
      </c>
      <c r="M44" s="97">
        <v>1.0458843086746413E-2</v>
      </c>
      <c r="N44" s="123">
        <v>0.45</v>
      </c>
      <c r="O44" s="97">
        <v>1.1039808252993555E-2</v>
      </c>
      <c r="P44" s="123">
        <v>0.15</v>
      </c>
      <c r="Q44" s="97">
        <v>7.9274258091310973E-3</v>
      </c>
    </row>
    <row r="45" spans="1:17">
      <c r="A45" s="45" t="s">
        <v>428</v>
      </c>
      <c r="B45" s="53">
        <v>2140</v>
      </c>
      <c r="C45" s="120">
        <v>0.30399999999999999</v>
      </c>
      <c r="D45" s="94">
        <v>1.9874945300207864E-2</v>
      </c>
      <c r="E45" s="120">
        <v>0.40100000000000002</v>
      </c>
      <c r="F45" s="94">
        <v>2.1170749356660461E-2</v>
      </c>
      <c r="G45" s="120">
        <v>0.29499999999999998</v>
      </c>
      <c r="H45" s="94">
        <v>1.9705464780323142E-2</v>
      </c>
      <c r="I45" s="53">
        <v>2465</v>
      </c>
      <c r="J45" s="120">
        <v>3.3000000000000002E-2</v>
      </c>
      <c r="K45" s="94">
        <v>7.2692893416888048E-3</v>
      </c>
      <c r="L45" s="120">
        <v>0.247</v>
      </c>
      <c r="M45" s="94">
        <v>1.7368296632877773E-2</v>
      </c>
      <c r="N45" s="120">
        <v>0.497</v>
      </c>
      <c r="O45" s="94">
        <v>2.0124804163752126E-2</v>
      </c>
      <c r="P45" s="120">
        <v>0.223</v>
      </c>
      <c r="Q45" s="94">
        <v>1.676654145927723E-2</v>
      </c>
    </row>
    <row r="46" spans="1:17">
      <c r="A46" s="49" t="s">
        <v>429</v>
      </c>
      <c r="B46" s="49">
        <v>523</v>
      </c>
      <c r="C46" s="123">
        <v>0.32200000000000001</v>
      </c>
      <c r="D46" s="97">
        <v>4.0751493491270684E-2</v>
      </c>
      <c r="E46" s="123">
        <v>0.36</v>
      </c>
      <c r="F46" s="97">
        <v>4.1845147263626856E-2</v>
      </c>
      <c r="G46" s="123">
        <v>0.318</v>
      </c>
      <c r="H46" s="97">
        <v>4.0619203807635521E-2</v>
      </c>
      <c r="I46" s="49">
        <v>612</v>
      </c>
      <c r="J46" s="123">
        <v>4.4999999999999998E-2</v>
      </c>
      <c r="K46" s="97">
        <v>1.721802646141337E-2</v>
      </c>
      <c r="L46" s="123">
        <v>0.28599999999999998</v>
      </c>
      <c r="M46" s="97">
        <v>3.6467101543695118E-2</v>
      </c>
      <c r="N46" s="123">
        <v>0.46100000000000002</v>
      </c>
      <c r="O46" s="97">
        <v>4.016998694774554E-2</v>
      </c>
      <c r="P46" s="123">
        <v>0.20799999999999999</v>
      </c>
      <c r="Q46" s="97">
        <v>3.2815870553202522E-2</v>
      </c>
    </row>
    <row r="47" spans="1:17">
      <c r="A47" s="45" t="s">
        <v>430</v>
      </c>
      <c r="B47" s="53">
        <v>1367</v>
      </c>
      <c r="C47" s="120">
        <v>0.29399999999999998</v>
      </c>
      <c r="D47" s="94">
        <v>2.4623274437440987E-2</v>
      </c>
      <c r="E47" s="120">
        <v>0.40699999999999997</v>
      </c>
      <c r="F47" s="94">
        <v>2.6538792307709842E-2</v>
      </c>
      <c r="G47" s="120">
        <v>0.29899999999999999</v>
      </c>
      <c r="H47" s="94">
        <v>2.4742843848510436E-2</v>
      </c>
      <c r="I47" s="53">
        <v>1557</v>
      </c>
      <c r="J47" s="120">
        <v>2.4E-2</v>
      </c>
      <c r="K47" s="94">
        <v>7.9369223882196881E-3</v>
      </c>
      <c r="L47" s="120">
        <v>0.23499999999999999</v>
      </c>
      <c r="M47" s="94">
        <v>2.1484582401071931E-2</v>
      </c>
      <c r="N47" s="120">
        <v>0.51200000000000001</v>
      </c>
      <c r="O47" s="94">
        <v>2.5303120060564142E-2</v>
      </c>
      <c r="P47" s="120">
        <v>0.22900000000000001</v>
      </c>
      <c r="Q47" s="94">
        <v>2.1292923458417552E-2</v>
      </c>
    </row>
    <row r="48" spans="1:17">
      <c r="A48" s="49" t="s">
        <v>431</v>
      </c>
      <c r="B48" s="49">
        <v>211</v>
      </c>
      <c r="C48" s="123">
        <v>0.151</v>
      </c>
      <c r="D48" s="97">
        <v>4.9685329991870558E-2</v>
      </c>
      <c r="E48" s="123">
        <v>0.49399999999999999</v>
      </c>
      <c r="F48" s="97">
        <v>6.8194704435215511E-2</v>
      </c>
      <c r="G48" s="123">
        <v>0.35499999999999998</v>
      </c>
      <c r="H48" s="97">
        <v>6.5379044809249054E-2</v>
      </c>
      <c r="I48" s="49">
        <v>240</v>
      </c>
      <c r="J48" s="123">
        <v>5.8999999999999997E-2</v>
      </c>
      <c r="K48" s="97">
        <v>3.1840576350110901E-2</v>
      </c>
      <c r="L48" s="123">
        <v>0.247</v>
      </c>
      <c r="M48" s="97">
        <v>5.5526164802995479E-2</v>
      </c>
      <c r="N48" s="123">
        <v>0.46100000000000002</v>
      </c>
      <c r="O48" s="97">
        <v>6.3829750513990355E-2</v>
      </c>
      <c r="P48" s="123">
        <v>0.23300000000000001</v>
      </c>
      <c r="Q48" s="97">
        <v>5.4476523098467268E-2</v>
      </c>
    </row>
    <row r="49" spans="1:17">
      <c r="A49" s="45" t="s">
        <v>432</v>
      </c>
      <c r="B49" s="53">
        <v>492</v>
      </c>
      <c r="C49" s="120">
        <v>0.24199999999999999</v>
      </c>
      <c r="D49" s="94">
        <v>3.8573900985634117E-2</v>
      </c>
      <c r="E49" s="120">
        <v>0.41299999999999998</v>
      </c>
      <c r="F49" s="94">
        <v>4.4227471792600635E-2</v>
      </c>
      <c r="G49" s="120">
        <v>0.34499999999999997</v>
      </c>
      <c r="H49" s="94">
        <v>4.2725770109520701E-2</v>
      </c>
      <c r="I49" s="53">
        <v>548</v>
      </c>
      <c r="J49" s="120">
        <v>4.3999999999999997E-2</v>
      </c>
      <c r="K49" s="94">
        <v>1.807124517553952E-2</v>
      </c>
      <c r="L49" s="120">
        <v>0.26</v>
      </c>
      <c r="M49" s="94">
        <v>3.7419648991958106E-2</v>
      </c>
      <c r="N49" s="120">
        <v>0.52800000000000002</v>
      </c>
      <c r="O49" s="94">
        <v>4.249700084481825E-2</v>
      </c>
      <c r="P49" s="120">
        <v>0.16700000000000001</v>
      </c>
      <c r="Q49" s="94">
        <v>3.1932022927527753E-2</v>
      </c>
    </row>
    <row r="50" spans="1:17">
      <c r="A50" s="49" t="s">
        <v>433</v>
      </c>
      <c r="B50" s="49">
        <v>616</v>
      </c>
      <c r="C50" s="123">
        <v>0.3</v>
      </c>
      <c r="D50" s="97">
        <v>3.6853192981104829E-2</v>
      </c>
      <c r="E50" s="123">
        <v>0.376</v>
      </c>
      <c r="F50" s="97">
        <v>3.8922732390907419E-2</v>
      </c>
      <c r="G50" s="123">
        <v>0.32300000000000001</v>
      </c>
      <c r="H50" s="97">
        <v>3.7594949999292415E-2</v>
      </c>
      <c r="I50" s="49">
        <v>709</v>
      </c>
      <c r="J50" s="123">
        <v>1.9E-2</v>
      </c>
      <c r="K50" s="97">
        <v>1.0912795782622732E-2</v>
      </c>
      <c r="L50" s="123">
        <v>0.255</v>
      </c>
      <c r="M50" s="97">
        <v>3.2703916592499355E-2</v>
      </c>
      <c r="N50" s="123">
        <v>0.49199999999999999</v>
      </c>
      <c r="O50" s="97">
        <v>3.744555401066562E-2</v>
      </c>
      <c r="P50" s="123">
        <v>0.23400000000000001</v>
      </c>
      <c r="Q50" s="97">
        <v>3.1780776895129211E-2</v>
      </c>
    </row>
    <row r="51" spans="1:17">
      <c r="A51" s="45" t="s">
        <v>434</v>
      </c>
      <c r="B51" s="119">
        <v>809</v>
      </c>
      <c r="C51" s="120">
        <v>0.48099999999999998</v>
      </c>
      <c r="D51" s="94">
        <v>3.5046449131648248E-2</v>
      </c>
      <c r="E51" s="120">
        <v>0.35099999999999998</v>
      </c>
      <c r="F51" s="94">
        <v>3.3494096162965802E-2</v>
      </c>
      <c r="G51" s="120">
        <v>0.16800000000000001</v>
      </c>
      <c r="H51" s="94">
        <v>2.6325425517300344E-2</v>
      </c>
      <c r="I51" s="121">
        <v>948</v>
      </c>
      <c r="J51" s="120">
        <v>1.6E-2</v>
      </c>
      <c r="K51" s="94">
        <v>8.6258362720826442E-3</v>
      </c>
      <c r="L51" s="120">
        <v>0.22500000000000001</v>
      </c>
      <c r="M51" s="94">
        <v>2.7117017596232255E-2</v>
      </c>
      <c r="N51" s="120">
        <v>0.48699999999999999</v>
      </c>
      <c r="O51" s="94">
        <v>3.2399321576082787E-2</v>
      </c>
      <c r="P51" s="120">
        <v>0.27200000000000002</v>
      </c>
      <c r="Q51" s="94">
        <v>2.8876142532915351E-2</v>
      </c>
    </row>
    <row r="52" spans="1:17">
      <c r="A52" s="49" t="s">
        <v>435</v>
      </c>
      <c r="B52" s="122">
        <v>630</v>
      </c>
      <c r="C52" s="123">
        <v>0.3</v>
      </c>
      <c r="D52" s="97">
        <v>3.644304485465498E-2</v>
      </c>
      <c r="E52" s="123">
        <v>0.42899999999999999</v>
      </c>
      <c r="F52" s="97">
        <v>3.9317714854928076E-2</v>
      </c>
      <c r="G52" s="123">
        <v>0.27100000000000002</v>
      </c>
      <c r="H52" s="97">
        <v>3.5363692073534299E-2</v>
      </c>
      <c r="I52" s="124">
        <v>731</v>
      </c>
      <c r="J52" s="123">
        <v>4.4999999999999998E-2</v>
      </c>
      <c r="K52" s="97">
        <v>1.5687804841875853E-2</v>
      </c>
      <c r="L52" s="123">
        <v>0.22600000000000001</v>
      </c>
      <c r="M52" s="97">
        <v>3.0925755305106072E-2</v>
      </c>
      <c r="N52" s="123">
        <v>0.48399999999999999</v>
      </c>
      <c r="O52" s="97">
        <v>3.6866870537075047E-2</v>
      </c>
      <c r="P52" s="123">
        <v>0.245</v>
      </c>
      <c r="Q52" s="97">
        <v>3.178848713322821E-2</v>
      </c>
    </row>
    <row r="53" spans="1:17">
      <c r="A53" s="45" t="s">
        <v>436</v>
      </c>
      <c r="B53" s="83">
        <v>114</v>
      </c>
      <c r="C53" s="98">
        <v>0.42399999999999999</v>
      </c>
      <c r="D53" s="94">
        <v>9.105948066262072E-2</v>
      </c>
      <c r="E53" s="98">
        <v>0.29199999999999998</v>
      </c>
      <c r="F53" s="94">
        <v>8.4295573218008402E-2</v>
      </c>
      <c r="G53" s="98">
        <v>0.28499999999999998</v>
      </c>
      <c r="H53" s="94">
        <v>8.3738046227032681E-2</v>
      </c>
      <c r="I53" s="83">
        <v>128</v>
      </c>
      <c r="J53" s="98">
        <v>7.8E-2</v>
      </c>
      <c r="K53" s="94">
        <v>5.0013767756936028E-2</v>
      </c>
      <c r="L53" s="98">
        <v>0.40100000000000002</v>
      </c>
      <c r="M53" s="94">
        <v>8.5419464107923601E-2</v>
      </c>
      <c r="N53" s="98">
        <v>0.40400000000000003</v>
      </c>
      <c r="O53" s="94">
        <v>8.5516980884115551E-2</v>
      </c>
      <c r="P53" s="98">
        <v>0.11700000000000001</v>
      </c>
      <c r="Q53" s="94">
        <v>5.8274830000259271E-2</v>
      </c>
    </row>
    <row r="54" spans="1:17">
      <c r="A54" s="49" t="s">
        <v>437</v>
      </c>
      <c r="B54" s="122">
        <v>120</v>
      </c>
      <c r="C54" s="123">
        <v>0.24</v>
      </c>
      <c r="D54" s="97">
        <v>7.7603405921739185E-2</v>
      </c>
      <c r="E54" s="123">
        <v>0.54</v>
      </c>
      <c r="F54" s="97">
        <v>8.9533118917164645E-2</v>
      </c>
      <c r="G54" s="123">
        <v>0.22</v>
      </c>
      <c r="H54" s="97">
        <v>7.5471952241701751E-2</v>
      </c>
      <c r="I54" s="124">
        <v>152</v>
      </c>
      <c r="J54" s="123">
        <v>0.03</v>
      </c>
      <c r="K54" s="97">
        <v>3.2138710475114268E-2</v>
      </c>
      <c r="L54" s="123">
        <v>0.22600000000000001</v>
      </c>
      <c r="M54" s="97">
        <v>6.7695527188197241E-2</v>
      </c>
      <c r="N54" s="123">
        <v>0.501</v>
      </c>
      <c r="O54" s="97">
        <v>8.0063924880667423E-2</v>
      </c>
      <c r="P54" s="123">
        <v>0.24299999999999999</v>
      </c>
      <c r="Q54" s="97">
        <v>6.9299554792766394E-2</v>
      </c>
    </row>
    <row r="55" spans="1:17">
      <c r="A55" s="45" t="s">
        <v>438</v>
      </c>
      <c r="B55" s="119">
        <v>221</v>
      </c>
      <c r="C55" s="120">
        <v>0.29399999999999998</v>
      </c>
      <c r="D55" s="94">
        <v>6.0964021985131248E-2</v>
      </c>
      <c r="E55" s="120">
        <v>0.39100000000000001</v>
      </c>
      <c r="F55" s="94">
        <v>6.5120425957225433E-2</v>
      </c>
      <c r="G55" s="120">
        <v>0.315</v>
      </c>
      <c r="H55" s="94">
        <v>6.2108302840729997E-2</v>
      </c>
      <c r="I55" s="121">
        <v>255</v>
      </c>
      <c r="J55" s="120">
        <v>2.9000000000000001E-2</v>
      </c>
      <c r="K55" s="94">
        <v>2.3235679751297134E-2</v>
      </c>
      <c r="L55" s="120">
        <v>0.29899999999999999</v>
      </c>
      <c r="M55" s="94">
        <v>5.7062895731632139E-2</v>
      </c>
      <c r="N55" s="120">
        <v>0.42399999999999999</v>
      </c>
      <c r="O55" s="94">
        <v>6.1437230621088579E-2</v>
      </c>
      <c r="P55" s="120">
        <v>0.248</v>
      </c>
      <c r="Q55" s="94">
        <v>5.394725962903827E-2</v>
      </c>
    </row>
    <row r="56" spans="1:17">
      <c r="A56" s="49" t="s">
        <v>439</v>
      </c>
      <c r="B56" s="122">
        <v>353</v>
      </c>
      <c r="C56" s="123">
        <v>0.22800000000000001</v>
      </c>
      <c r="D56" s="97">
        <v>4.4616588438853966E-2</v>
      </c>
      <c r="E56" s="123">
        <v>0.39100000000000001</v>
      </c>
      <c r="F56" s="97">
        <v>5.1681392969615124E-2</v>
      </c>
      <c r="G56" s="123">
        <v>0.38100000000000001</v>
      </c>
      <c r="H56" s="97">
        <v>5.1439181739112237E-2</v>
      </c>
      <c r="I56" s="124">
        <v>397</v>
      </c>
      <c r="J56" s="123">
        <v>1.4999999999999999E-2</v>
      </c>
      <c r="K56" s="97">
        <v>1.3926906716871515E-2</v>
      </c>
      <c r="L56" s="123">
        <v>0.191</v>
      </c>
      <c r="M56" s="97">
        <v>3.9499910958885671E-2</v>
      </c>
      <c r="N56" s="123">
        <v>0.55600000000000005</v>
      </c>
      <c r="O56" s="97">
        <v>4.9629676138853669E-2</v>
      </c>
      <c r="P56" s="123">
        <v>0.23799999999999999</v>
      </c>
      <c r="Q56" s="97">
        <v>4.2692267301116124E-2</v>
      </c>
    </row>
    <row r="57" spans="1:17">
      <c r="A57" s="45" t="s">
        <v>440</v>
      </c>
      <c r="B57" s="119">
        <v>357</v>
      </c>
      <c r="C57" s="120">
        <v>0.34699999999999998</v>
      </c>
      <c r="D57" s="94">
        <v>5.016392905565812E-2</v>
      </c>
      <c r="E57" s="120">
        <v>0.35499999999999998</v>
      </c>
      <c r="F57" s="94">
        <v>5.0420761086884022E-2</v>
      </c>
      <c r="G57" s="120">
        <v>0.29899999999999999</v>
      </c>
      <c r="H57" s="94">
        <v>4.8293809108289405E-2</v>
      </c>
      <c r="I57" s="121">
        <v>403</v>
      </c>
      <c r="J57" s="120">
        <v>1.2999999999999999E-2</v>
      </c>
      <c r="K57" s="94">
        <v>1.3103215437079272E-2</v>
      </c>
      <c r="L57" s="120">
        <v>0.254</v>
      </c>
      <c r="M57" s="94">
        <v>4.3288377437994019E-2</v>
      </c>
      <c r="N57" s="120">
        <v>0.53500000000000003</v>
      </c>
      <c r="O57" s="94">
        <v>4.9448949706164307E-2</v>
      </c>
      <c r="P57" s="120">
        <v>0.19800000000000001</v>
      </c>
      <c r="Q57" s="94">
        <v>3.9726323994421837E-2</v>
      </c>
    </row>
    <row r="58" spans="1:17">
      <c r="A58" s="49" t="s">
        <v>441</v>
      </c>
      <c r="B58" s="122">
        <v>242</v>
      </c>
      <c r="C58" s="123">
        <v>0.33400000000000002</v>
      </c>
      <c r="D58" s="97">
        <v>6.0261333916369821E-2</v>
      </c>
      <c r="E58" s="123">
        <v>0.4</v>
      </c>
      <c r="F58" s="97">
        <v>6.2511470078965528E-2</v>
      </c>
      <c r="G58" s="123">
        <v>0.26600000000000001</v>
      </c>
      <c r="H58" s="97">
        <v>5.6598745401054473E-2</v>
      </c>
      <c r="I58" s="124">
        <v>270</v>
      </c>
      <c r="J58" s="123">
        <v>2.3E-2</v>
      </c>
      <c r="K58" s="97">
        <v>2.0598948346295096E-2</v>
      </c>
      <c r="L58" s="123">
        <v>0.27900000000000003</v>
      </c>
      <c r="M58" s="97">
        <v>5.4381003248821023E-2</v>
      </c>
      <c r="N58" s="123">
        <v>0.51</v>
      </c>
      <c r="O58" s="97">
        <v>6.0400475948757026E-2</v>
      </c>
      <c r="P58" s="123">
        <v>0.188</v>
      </c>
      <c r="Q58" s="97">
        <v>4.7641822834678868E-2</v>
      </c>
    </row>
    <row r="59" spans="1:17">
      <c r="A59" s="45" t="s">
        <v>442</v>
      </c>
      <c r="B59" s="119">
        <v>671</v>
      </c>
      <c r="C59" s="120">
        <v>0.28000000000000003</v>
      </c>
      <c r="D59" s="94">
        <v>3.4612943841866341E-2</v>
      </c>
      <c r="E59" s="120">
        <v>0.38100000000000001</v>
      </c>
      <c r="F59" s="94">
        <v>3.7397273561777099E-2</v>
      </c>
      <c r="G59" s="120">
        <v>0.33900000000000002</v>
      </c>
      <c r="H59" s="94">
        <v>3.6464923914847715E-2</v>
      </c>
      <c r="I59" s="121">
        <v>766</v>
      </c>
      <c r="J59" s="120">
        <v>2.9000000000000001E-2</v>
      </c>
      <c r="K59" s="94">
        <v>1.2578657446373214E-2</v>
      </c>
      <c r="L59" s="120">
        <v>0.217</v>
      </c>
      <c r="M59" s="94">
        <v>2.9781972427737845E-2</v>
      </c>
      <c r="N59" s="120">
        <v>0.49199999999999999</v>
      </c>
      <c r="O59" s="94">
        <v>3.6032933219556126E-2</v>
      </c>
      <c r="P59" s="120">
        <v>0.26200000000000001</v>
      </c>
      <c r="Q59" s="94">
        <v>3.1741077527014362E-2</v>
      </c>
    </row>
    <row r="60" spans="1:17">
      <c r="A60" s="49" t="s">
        <v>443</v>
      </c>
      <c r="B60" s="122">
        <v>835</v>
      </c>
      <c r="C60" s="123">
        <v>0.33</v>
      </c>
      <c r="D60" s="97">
        <v>3.2487269662850426E-2</v>
      </c>
      <c r="E60" s="123">
        <v>0.443</v>
      </c>
      <c r="F60" s="97">
        <v>3.4300912387993494E-2</v>
      </c>
      <c r="G60" s="123">
        <v>0.22700000000000001</v>
      </c>
      <c r="H60" s="97">
        <v>2.8981927044934033E-2</v>
      </c>
      <c r="I60" s="124">
        <v>977</v>
      </c>
      <c r="J60" s="123">
        <v>2.7E-2</v>
      </c>
      <c r="K60" s="97">
        <v>1.0702496737862074E-2</v>
      </c>
      <c r="L60" s="123">
        <v>0.28499999999999998</v>
      </c>
      <c r="M60" s="97">
        <v>2.8851703063261486E-2</v>
      </c>
      <c r="N60" s="123">
        <v>0.47799999999999998</v>
      </c>
      <c r="O60" s="97">
        <v>3.189687377086807E-2</v>
      </c>
      <c r="P60" s="123">
        <v>0.20899999999999999</v>
      </c>
      <c r="Q60" s="97">
        <v>2.6017179372620033E-2</v>
      </c>
    </row>
    <row r="61" spans="1:17">
      <c r="A61" s="45" t="s">
        <v>444</v>
      </c>
      <c r="B61" s="119">
        <v>242</v>
      </c>
      <c r="C61" s="120">
        <v>0.33200000000000002</v>
      </c>
      <c r="D61" s="94">
        <v>6.0174055321881206E-2</v>
      </c>
      <c r="E61" s="120">
        <v>0.39300000000000002</v>
      </c>
      <c r="F61" s="94">
        <v>6.232882877977252E-2</v>
      </c>
      <c r="G61" s="120">
        <v>0.27500000000000002</v>
      </c>
      <c r="H61" s="94">
        <v>5.7170115078642038E-2</v>
      </c>
      <c r="I61" s="121">
        <v>280</v>
      </c>
      <c r="J61" s="120">
        <v>1.2999999999999999E-2</v>
      </c>
      <c r="K61" s="94">
        <v>1.6557526221580229E-2</v>
      </c>
      <c r="L61" s="120">
        <v>0.253</v>
      </c>
      <c r="M61" s="94">
        <v>5.1825473754486609E-2</v>
      </c>
      <c r="N61" s="120">
        <v>0.51800000000000002</v>
      </c>
      <c r="O61" s="94">
        <v>5.9301694924783863E-2</v>
      </c>
      <c r="P61" s="120">
        <v>0.216</v>
      </c>
      <c r="Q61" s="94">
        <v>4.9161991502081198E-2</v>
      </c>
    </row>
    <row r="62" spans="1:17">
      <c r="A62" s="49" t="s">
        <v>445</v>
      </c>
      <c r="B62" s="122">
        <v>166</v>
      </c>
      <c r="C62" s="123">
        <v>0.314</v>
      </c>
      <c r="D62" s="97">
        <v>7.1457579940255284E-2</v>
      </c>
      <c r="E62" s="123">
        <v>0.40600000000000003</v>
      </c>
      <c r="F62" s="97">
        <v>7.5393075023169179E-2</v>
      </c>
      <c r="G62" s="123">
        <v>0.28000000000000003</v>
      </c>
      <c r="H62" s="97">
        <v>6.9256700879634175E-2</v>
      </c>
      <c r="I62" s="124">
        <v>191</v>
      </c>
      <c r="J62" s="123">
        <v>7.6999999999999999E-2</v>
      </c>
      <c r="K62" s="97">
        <v>4.0086160519687275E-2</v>
      </c>
      <c r="L62" s="123">
        <v>0.22500000000000001</v>
      </c>
      <c r="M62" s="97">
        <v>6.0331688817187749E-2</v>
      </c>
      <c r="N62" s="123">
        <v>0.56599999999999995</v>
      </c>
      <c r="O62" s="97">
        <v>7.1010418129534125E-2</v>
      </c>
      <c r="P62" s="123">
        <v>0.13200000000000001</v>
      </c>
      <c r="Q62" s="97">
        <v>4.9629369565184732E-2</v>
      </c>
    </row>
    <row r="63" spans="1:17">
      <c r="A63" s="45" t="s">
        <v>446</v>
      </c>
      <c r="B63" s="119">
        <v>144</v>
      </c>
      <c r="C63" s="120">
        <v>0.216</v>
      </c>
      <c r="D63" s="94">
        <v>6.8506237196154826E-2</v>
      </c>
      <c r="E63" s="120">
        <v>0.40500000000000003</v>
      </c>
      <c r="F63" s="94">
        <v>8.0782699083442669E-2</v>
      </c>
      <c r="G63" s="120">
        <v>0.38</v>
      </c>
      <c r="H63" s="94">
        <v>7.9926970002798206E-2</v>
      </c>
      <c r="I63" s="121">
        <v>163</v>
      </c>
      <c r="J63" s="120">
        <v>3.9E-2</v>
      </c>
      <c r="K63" s="94">
        <v>3.3743563695505678E-2</v>
      </c>
      <c r="L63" s="120">
        <v>0.26700000000000002</v>
      </c>
      <c r="M63" s="94">
        <v>6.8914687327130769E-2</v>
      </c>
      <c r="N63" s="120">
        <v>0.44</v>
      </c>
      <c r="O63" s="94">
        <v>7.6849707865597153E-2</v>
      </c>
      <c r="P63" s="120">
        <v>0.254</v>
      </c>
      <c r="Q63" s="94">
        <v>6.78759438757182E-2</v>
      </c>
    </row>
    <row r="64" spans="1:17">
      <c r="A64" s="49" t="s">
        <v>447</v>
      </c>
      <c r="B64" s="122">
        <v>73</v>
      </c>
      <c r="C64" s="123">
        <v>0.41699999999999998</v>
      </c>
      <c r="D64" s="97">
        <v>0.11254047459011569</v>
      </c>
      <c r="E64" s="123">
        <v>0.34300000000000003</v>
      </c>
      <c r="F64" s="97">
        <v>0.10879395926484885</v>
      </c>
      <c r="G64" s="123">
        <v>0.24099999999999999</v>
      </c>
      <c r="H64" s="97">
        <v>9.9272007210954208E-2</v>
      </c>
      <c r="I64" s="124">
        <v>78</v>
      </c>
      <c r="J64" s="123">
        <v>5.8000000000000003E-2</v>
      </c>
      <c r="K64" s="97">
        <v>5.9768262550302952E-2</v>
      </c>
      <c r="L64" s="123">
        <v>0.23100000000000001</v>
      </c>
      <c r="M64" s="97">
        <v>9.4875123098937544E-2</v>
      </c>
      <c r="N64" s="123">
        <v>0.46899999999999997</v>
      </c>
      <c r="O64" s="97">
        <v>0.11023931160256986</v>
      </c>
      <c r="P64" s="123">
        <v>0.24099999999999999</v>
      </c>
      <c r="Q64" s="97">
        <v>9.6095447000365347E-2</v>
      </c>
    </row>
    <row r="65" spans="1:8" s="248" customFormat="1">
      <c r="A65" s="241"/>
    </row>
    <row r="66" spans="1:8" ht="18.75">
      <c r="A66" s="335" t="s">
        <v>36</v>
      </c>
      <c r="B66" s="335"/>
      <c r="C66" s="335"/>
      <c r="D66" s="335"/>
      <c r="E66" s="335"/>
      <c r="F66" s="335"/>
      <c r="G66" s="335"/>
      <c r="H66" s="335"/>
    </row>
    <row r="67" spans="1:8" ht="69.75" customHeight="1">
      <c r="A67" s="376" t="s">
        <v>380</v>
      </c>
      <c r="B67" s="376"/>
      <c r="C67" s="376"/>
      <c r="D67" s="376"/>
      <c r="E67" s="376"/>
      <c r="F67" s="376"/>
      <c r="G67" s="376"/>
      <c r="H67" s="376"/>
    </row>
    <row r="68" spans="1:8" ht="40.5" customHeight="1">
      <c r="A68" s="107"/>
      <c r="B68" s="374" t="s">
        <v>397</v>
      </c>
      <c r="C68" s="375"/>
      <c r="D68" s="375"/>
      <c r="E68" s="375"/>
      <c r="F68" s="375"/>
      <c r="G68" s="375"/>
      <c r="H68" s="375"/>
    </row>
    <row r="69" spans="1:8" ht="39" customHeight="1">
      <c r="A69" s="37" t="s">
        <v>85</v>
      </c>
      <c r="B69" s="38" t="s">
        <v>86</v>
      </c>
      <c r="C69" s="65" t="s">
        <v>219</v>
      </c>
      <c r="D69" s="88" t="s">
        <v>132</v>
      </c>
      <c r="E69" s="65" t="s">
        <v>220</v>
      </c>
      <c r="F69" s="88" t="s">
        <v>329</v>
      </c>
      <c r="G69" s="65" t="s">
        <v>221</v>
      </c>
      <c r="H69" s="88" t="s">
        <v>330</v>
      </c>
    </row>
    <row r="70" spans="1:8" ht="60">
      <c r="A70" s="41"/>
      <c r="B70" s="42" t="s">
        <v>89</v>
      </c>
      <c r="C70" s="272" t="s">
        <v>201</v>
      </c>
      <c r="D70" s="90" t="s">
        <v>104</v>
      </c>
      <c r="E70" s="68" t="s">
        <v>216</v>
      </c>
      <c r="F70" s="90" t="s">
        <v>104</v>
      </c>
      <c r="G70" s="68" t="s">
        <v>217</v>
      </c>
      <c r="H70" s="90" t="s">
        <v>104</v>
      </c>
    </row>
    <row r="71" spans="1:8">
      <c r="A71" s="45" t="s">
        <v>424</v>
      </c>
      <c r="B71" s="126">
        <v>8997</v>
      </c>
      <c r="C71" s="120">
        <v>0.56000000000000005</v>
      </c>
      <c r="D71" s="94">
        <v>1.0464242263632699E-2</v>
      </c>
      <c r="E71" s="120">
        <v>0.22</v>
      </c>
      <c r="F71" s="94">
        <v>8.7343661825739962E-3</v>
      </c>
      <c r="G71" s="120">
        <v>0.22</v>
      </c>
      <c r="H71" s="94">
        <v>8.7343661825739962E-3</v>
      </c>
    </row>
    <row r="72" spans="1:8">
      <c r="A72" s="49" t="s">
        <v>425</v>
      </c>
      <c r="B72" s="49">
        <v>8387</v>
      </c>
      <c r="C72" s="123">
        <v>0.56000000000000005</v>
      </c>
      <c r="D72" s="97">
        <v>1.0837934223118812E-2</v>
      </c>
      <c r="E72" s="123">
        <v>0.22</v>
      </c>
      <c r="F72" s="97">
        <v>9.0464111124660667E-3</v>
      </c>
      <c r="G72" s="123">
        <v>0.22</v>
      </c>
      <c r="H72" s="97">
        <v>9.0464111124660667E-3</v>
      </c>
    </row>
    <row r="73" spans="1:8">
      <c r="A73" s="45" t="s">
        <v>426</v>
      </c>
      <c r="B73" s="53">
        <v>802</v>
      </c>
      <c r="C73" s="120">
        <v>0.47499999999999998</v>
      </c>
      <c r="D73" s="94">
        <v>3.5179877233827088E-2</v>
      </c>
      <c r="E73" s="120">
        <v>0.246</v>
      </c>
      <c r="F73" s="94">
        <v>3.0392206159740576E-2</v>
      </c>
      <c r="G73" s="120">
        <v>0.28000000000000003</v>
      </c>
      <c r="H73" s="94">
        <v>3.1668193291585024E-2</v>
      </c>
    </row>
    <row r="74" spans="1:8">
      <c r="A74" s="49" t="s">
        <v>427</v>
      </c>
      <c r="B74" s="49">
        <v>6589</v>
      </c>
      <c r="C74" s="123">
        <v>0.56100000000000005</v>
      </c>
      <c r="D74" s="97">
        <v>1.2223796981006108E-2</v>
      </c>
      <c r="E74" s="123">
        <v>0.218</v>
      </c>
      <c r="F74" s="97">
        <v>1.0172856577684099E-2</v>
      </c>
      <c r="G74" s="123">
        <v>0.22</v>
      </c>
      <c r="H74" s="97">
        <v>1.0206278416798041E-2</v>
      </c>
    </row>
    <row r="75" spans="1:8">
      <c r="A75" s="45" t="s">
        <v>428</v>
      </c>
      <c r="B75" s="53">
        <v>2422</v>
      </c>
      <c r="C75" s="120">
        <v>0.66500000000000004</v>
      </c>
      <c r="D75" s="94">
        <v>1.9169255380757876E-2</v>
      </c>
      <c r="E75" s="120">
        <v>0.19800000000000001</v>
      </c>
      <c r="F75" s="94">
        <v>1.6196266717364346E-2</v>
      </c>
      <c r="G75" s="120">
        <v>0.13700000000000001</v>
      </c>
      <c r="H75" s="94">
        <v>1.3987697129275086E-2</v>
      </c>
    </row>
    <row r="76" spans="1:8">
      <c r="A76" s="49" t="s">
        <v>429</v>
      </c>
      <c r="B76" s="49">
        <v>602</v>
      </c>
      <c r="C76" s="123">
        <v>0.63500000000000001</v>
      </c>
      <c r="D76" s="97">
        <v>3.9133755572547856E-2</v>
      </c>
      <c r="E76" s="123">
        <v>0.20200000000000001</v>
      </c>
      <c r="F76" s="97">
        <v>3.2737022063368419E-2</v>
      </c>
      <c r="G76" s="123">
        <v>0.16300000000000001</v>
      </c>
      <c r="H76" s="97">
        <v>3.0172804036716454E-2</v>
      </c>
    </row>
    <row r="77" spans="1:8">
      <c r="A77" s="45" t="s">
        <v>430</v>
      </c>
      <c r="B77" s="53">
        <v>1544</v>
      </c>
      <c r="C77" s="120">
        <v>0.68500000000000005</v>
      </c>
      <c r="D77" s="94">
        <v>2.3622332361944262E-2</v>
      </c>
      <c r="E77" s="120">
        <v>0.186</v>
      </c>
      <c r="F77" s="94">
        <v>1.9812615831218516E-2</v>
      </c>
      <c r="G77" s="120">
        <v>0.129</v>
      </c>
      <c r="H77" s="94">
        <v>1.7092951837542777E-2</v>
      </c>
    </row>
    <row r="78" spans="1:8">
      <c r="A78" s="49" t="s">
        <v>431</v>
      </c>
      <c r="B78" s="49">
        <v>231</v>
      </c>
      <c r="C78" s="123">
        <v>0.497</v>
      </c>
      <c r="D78" s="97">
        <v>6.5231672737198793E-2</v>
      </c>
      <c r="E78" s="123">
        <v>0.23300000000000001</v>
      </c>
      <c r="F78" s="97">
        <v>5.5523382914048798E-2</v>
      </c>
      <c r="G78" s="123">
        <v>0.27</v>
      </c>
      <c r="H78" s="97">
        <v>5.8183206566228912E-2</v>
      </c>
    </row>
    <row r="79" spans="1:8">
      <c r="A79" s="45" t="s">
        <v>432</v>
      </c>
      <c r="B79" s="53">
        <v>542</v>
      </c>
      <c r="C79" s="120">
        <v>0.59299999999999997</v>
      </c>
      <c r="D79" s="94">
        <v>4.2060244694166783E-2</v>
      </c>
      <c r="E79" s="120">
        <v>0.22700000000000001</v>
      </c>
      <c r="F79" s="94">
        <v>3.5964879083246304E-2</v>
      </c>
      <c r="G79" s="120">
        <v>0.18</v>
      </c>
      <c r="H79" s="94">
        <v>3.3049510029796406E-2</v>
      </c>
    </row>
    <row r="80" spans="1:8">
      <c r="A80" s="49" t="s">
        <v>433</v>
      </c>
      <c r="B80" s="49">
        <v>702</v>
      </c>
      <c r="C80" s="123">
        <v>0.70499999999999996</v>
      </c>
      <c r="D80" s="97">
        <v>3.4365957111568639E-2</v>
      </c>
      <c r="E80" s="123">
        <v>0.2</v>
      </c>
      <c r="F80" s="97">
        <v>3.0203928321832163E-2</v>
      </c>
      <c r="G80" s="123">
        <v>9.6000000000000002E-2</v>
      </c>
      <c r="H80" s="97">
        <v>2.2408546754159493E-2</v>
      </c>
    </row>
    <row r="81" spans="1:8">
      <c r="A81" s="45" t="s">
        <v>434</v>
      </c>
      <c r="B81" s="126">
        <v>929</v>
      </c>
      <c r="C81" s="120">
        <v>0.80800000000000005</v>
      </c>
      <c r="D81" s="94">
        <v>2.5857028529330556E-2</v>
      </c>
      <c r="E81" s="120">
        <v>0.14399999999999999</v>
      </c>
      <c r="F81" s="94">
        <v>2.3089217632659077E-2</v>
      </c>
      <c r="G81" s="120">
        <v>4.9000000000000002E-2</v>
      </c>
      <c r="H81" s="94">
        <v>1.4395920795147898E-2</v>
      </c>
    </row>
    <row r="82" spans="1:8">
      <c r="A82" s="49" t="s">
        <v>435</v>
      </c>
      <c r="B82" s="128">
        <v>719</v>
      </c>
      <c r="C82" s="123">
        <v>0.66200000000000003</v>
      </c>
      <c r="D82" s="97">
        <v>3.5207001908710456E-2</v>
      </c>
      <c r="E82" s="123">
        <v>0.20399999999999999</v>
      </c>
      <c r="F82" s="97">
        <v>3.0062248911963164E-2</v>
      </c>
      <c r="G82" s="123">
        <v>0.13400000000000001</v>
      </c>
      <c r="H82" s="97">
        <v>2.5498854025886978E-2</v>
      </c>
    </row>
    <row r="83" spans="1:8">
      <c r="A83" s="45" t="s">
        <v>436</v>
      </c>
      <c r="B83" s="83">
        <v>127</v>
      </c>
      <c r="C83" s="98">
        <v>0.51700000000000002</v>
      </c>
      <c r="D83" s="94">
        <v>8.7322929564281004E-2</v>
      </c>
      <c r="E83" s="98">
        <v>0.14799999999999999</v>
      </c>
      <c r="F83" s="94">
        <v>6.3857459352649845E-2</v>
      </c>
      <c r="G83" s="98">
        <v>0.33600000000000002</v>
      </c>
      <c r="H83" s="94">
        <v>8.2835517592016253E-2</v>
      </c>
    </row>
    <row r="84" spans="1:8">
      <c r="A84" s="49" t="s">
        <v>437</v>
      </c>
      <c r="B84" s="128">
        <v>145</v>
      </c>
      <c r="C84" s="123">
        <v>0.61699999999999999</v>
      </c>
      <c r="D84" s="97">
        <v>7.9770831890584634E-2</v>
      </c>
      <c r="E84" s="123">
        <v>0.30499999999999999</v>
      </c>
      <c r="F84" s="97">
        <v>7.5793645422091369E-2</v>
      </c>
      <c r="G84" s="123">
        <v>7.6999999999999999E-2</v>
      </c>
      <c r="H84" s="97">
        <v>4.6501489950960664E-2</v>
      </c>
    </row>
    <row r="85" spans="1:8">
      <c r="A85" s="45" t="s">
        <v>438</v>
      </c>
      <c r="B85" s="126">
        <v>254</v>
      </c>
      <c r="C85" s="120">
        <v>0.64800000000000002</v>
      </c>
      <c r="D85" s="94">
        <v>5.9555189534321082E-2</v>
      </c>
      <c r="E85" s="120">
        <v>0.18099999999999999</v>
      </c>
      <c r="F85" s="94">
        <v>4.8443993001442476E-2</v>
      </c>
      <c r="G85" s="120">
        <v>0.17100000000000001</v>
      </c>
      <c r="H85" s="94">
        <v>4.7428328984180486E-2</v>
      </c>
    </row>
    <row r="86" spans="1:8">
      <c r="A86" s="49" t="s">
        <v>439</v>
      </c>
      <c r="B86" s="128">
        <v>399</v>
      </c>
      <c r="C86" s="123">
        <v>0.70599999999999996</v>
      </c>
      <c r="D86" s="97">
        <v>4.5480857514989169E-2</v>
      </c>
      <c r="E86" s="123">
        <v>0.186</v>
      </c>
      <c r="F86" s="97">
        <v>3.9014093952858014E-2</v>
      </c>
      <c r="G86" s="123">
        <v>0.108</v>
      </c>
      <c r="H86" s="97">
        <v>3.1405656665760992E-2</v>
      </c>
    </row>
    <row r="87" spans="1:8">
      <c r="A87" s="45" t="s">
        <v>440</v>
      </c>
      <c r="B87" s="126">
        <v>398</v>
      </c>
      <c r="C87" s="120">
        <v>0.69799999999999995</v>
      </c>
      <c r="D87" s="94">
        <v>4.5882425733693694E-2</v>
      </c>
      <c r="E87" s="120">
        <v>0.186</v>
      </c>
      <c r="F87" s="94">
        <v>3.9063202737373563E-2</v>
      </c>
      <c r="G87" s="120">
        <v>0.11700000000000001</v>
      </c>
      <c r="H87" s="94">
        <v>3.250957161398179E-2</v>
      </c>
    </row>
    <row r="88" spans="1:8">
      <c r="A88" s="49" t="s">
        <v>441</v>
      </c>
      <c r="B88" s="128">
        <v>266</v>
      </c>
      <c r="C88" s="123">
        <v>0.67100000000000004</v>
      </c>
      <c r="D88" s="97">
        <v>5.7299600182461642E-2</v>
      </c>
      <c r="E88" s="123">
        <v>0.2</v>
      </c>
      <c r="F88" s="97">
        <v>4.9087512718537153E-2</v>
      </c>
      <c r="G88" s="123">
        <v>0.129</v>
      </c>
      <c r="H88" s="97">
        <v>4.1527686896169633E-2</v>
      </c>
    </row>
    <row r="89" spans="1:8">
      <c r="A89" s="45" t="s">
        <v>442</v>
      </c>
      <c r="B89" s="126">
        <v>746</v>
      </c>
      <c r="C89" s="120">
        <v>0.72599999999999998</v>
      </c>
      <c r="D89" s="94">
        <v>3.2616344192299029E-2</v>
      </c>
      <c r="E89" s="120">
        <v>0.16900000000000001</v>
      </c>
      <c r="F89" s="94">
        <v>2.7481342448033248E-2</v>
      </c>
      <c r="G89" s="120">
        <v>0.105</v>
      </c>
      <c r="H89" s="94">
        <v>2.2584340134671158E-2</v>
      </c>
    </row>
    <row r="90" spans="1:8">
      <c r="A90" s="49" t="s">
        <v>443</v>
      </c>
      <c r="B90" s="128">
        <v>959</v>
      </c>
      <c r="C90" s="123">
        <v>0.66800000000000004</v>
      </c>
      <c r="D90" s="97">
        <v>3.0367084734234422E-2</v>
      </c>
      <c r="E90" s="123">
        <v>0.19900000000000001</v>
      </c>
      <c r="F90" s="97">
        <v>2.5791728582525073E-2</v>
      </c>
      <c r="G90" s="123">
        <v>0.13300000000000001</v>
      </c>
      <c r="H90" s="97">
        <v>2.1990991068674252E-2</v>
      </c>
    </row>
    <row r="91" spans="1:8">
      <c r="A91" s="45" t="s">
        <v>444</v>
      </c>
      <c r="B91" s="126">
        <v>276</v>
      </c>
      <c r="C91" s="120">
        <v>0.61</v>
      </c>
      <c r="D91" s="94">
        <v>5.8339308593037868E-2</v>
      </c>
      <c r="E91" s="120">
        <v>0.27400000000000002</v>
      </c>
      <c r="F91" s="94">
        <v>5.3502054781935364E-2</v>
      </c>
      <c r="G91" s="120">
        <v>0.11600000000000001</v>
      </c>
      <c r="H91" s="94">
        <v>3.9047029429761099E-2</v>
      </c>
    </row>
    <row r="92" spans="1:8">
      <c r="A92" s="49" t="s">
        <v>445</v>
      </c>
      <c r="B92" s="128">
        <v>190</v>
      </c>
      <c r="C92" s="123">
        <v>0.64500000000000002</v>
      </c>
      <c r="D92" s="97">
        <v>6.8839132969654382E-2</v>
      </c>
      <c r="E92" s="123">
        <v>0.21199999999999999</v>
      </c>
      <c r="F92" s="97">
        <v>5.9281107293792192E-2</v>
      </c>
      <c r="G92" s="123">
        <v>0.14299999999999999</v>
      </c>
      <c r="H92" s="97">
        <v>5.1323202109223323E-2</v>
      </c>
    </row>
    <row r="93" spans="1:8">
      <c r="A93" s="45" t="s">
        <v>446</v>
      </c>
      <c r="B93" s="126">
        <v>163</v>
      </c>
      <c r="C93" s="120">
        <v>0.64500000000000002</v>
      </c>
      <c r="D93" s="94">
        <v>7.4217696216914542E-2</v>
      </c>
      <c r="E93" s="120">
        <v>0.12</v>
      </c>
      <c r="F93" s="94">
        <v>5.1894532051126027E-2</v>
      </c>
      <c r="G93" s="120">
        <v>0.23499999999999999</v>
      </c>
      <c r="H93" s="94">
        <v>6.6223859797515869E-2</v>
      </c>
    </row>
    <row r="94" spans="1:8">
      <c r="A94" s="49" t="s">
        <v>447</v>
      </c>
      <c r="B94" s="128">
        <v>78</v>
      </c>
      <c r="C94" s="123">
        <v>0.55800000000000005</v>
      </c>
      <c r="D94" s="97">
        <v>0.10975720218890227</v>
      </c>
      <c r="E94" s="123">
        <v>0.22700000000000001</v>
      </c>
      <c r="F94" s="97">
        <v>9.4369480782146645E-2</v>
      </c>
      <c r="G94" s="123">
        <v>0.215</v>
      </c>
      <c r="H94" s="97">
        <v>9.2790378084303946E-2</v>
      </c>
    </row>
    <row r="95" spans="1:8" s="248" customFormat="1">
      <c r="A95" s="241"/>
    </row>
    <row r="96" spans="1:8" ht="18.75">
      <c r="A96" s="335" t="s">
        <v>10</v>
      </c>
      <c r="B96" s="335"/>
      <c r="C96" s="335"/>
      <c r="D96" s="335"/>
    </row>
    <row r="97" spans="1:4" ht="123.75" customHeight="1">
      <c r="A97" s="373" t="s">
        <v>486</v>
      </c>
      <c r="B97" s="373"/>
      <c r="C97" s="373"/>
      <c r="D97" s="373"/>
    </row>
    <row r="98" spans="1:4" ht="37.5" customHeight="1">
      <c r="A98" s="372" t="s">
        <v>133</v>
      </c>
      <c r="B98" s="372"/>
      <c r="C98" s="372"/>
      <c r="D98" s="372"/>
    </row>
    <row r="99" spans="1:4" ht="36" customHeight="1">
      <c r="A99" s="37" t="s">
        <v>85</v>
      </c>
      <c r="B99" s="38" t="s">
        <v>86</v>
      </c>
      <c r="C99" s="39" t="s">
        <v>87</v>
      </c>
      <c r="D99" s="40" t="s">
        <v>88</v>
      </c>
    </row>
    <row r="100" spans="1:4" ht="60">
      <c r="A100" s="41"/>
      <c r="B100" s="42" t="s">
        <v>89</v>
      </c>
      <c r="C100" s="43" t="s">
        <v>134</v>
      </c>
      <c r="D100" s="44" t="s">
        <v>91</v>
      </c>
    </row>
    <row r="101" spans="1:4">
      <c r="A101" s="45" t="s">
        <v>424</v>
      </c>
      <c r="B101" s="126">
        <v>11074</v>
      </c>
      <c r="C101" s="84">
        <v>3.58</v>
      </c>
      <c r="D101" s="85">
        <v>1.9599999999999999E-2</v>
      </c>
    </row>
    <row r="102" spans="1:4">
      <c r="A102" s="49" t="s">
        <v>425</v>
      </c>
      <c r="B102" s="49">
        <v>8741</v>
      </c>
      <c r="C102" s="117">
        <v>3.534729</v>
      </c>
      <c r="D102" s="118">
        <v>2.8834931999999997E-2</v>
      </c>
    </row>
    <row r="103" spans="1:4">
      <c r="A103" s="45" t="s">
        <v>426</v>
      </c>
      <c r="B103" s="53">
        <v>836</v>
      </c>
      <c r="C103" s="84">
        <v>3.51</v>
      </c>
      <c r="D103" s="85">
        <v>9.8000000000000004E-2</v>
      </c>
    </row>
    <row r="104" spans="1:4">
      <c r="A104" s="49" t="s">
        <v>427</v>
      </c>
      <c r="B104" s="49">
        <v>6873</v>
      </c>
      <c r="C104" s="117">
        <v>3.6</v>
      </c>
      <c r="D104" s="118">
        <v>0</v>
      </c>
    </row>
    <row r="105" spans="1:4">
      <c r="A105" s="45" t="s">
        <v>428</v>
      </c>
      <c r="B105" s="53">
        <v>2507</v>
      </c>
      <c r="C105" s="84">
        <v>3.9</v>
      </c>
      <c r="D105" s="85">
        <v>0</v>
      </c>
    </row>
    <row r="106" spans="1:4">
      <c r="A106" s="49" t="s">
        <v>429</v>
      </c>
      <c r="B106" s="49">
        <v>617</v>
      </c>
      <c r="C106" s="117">
        <v>3.8</v>
      </c>
      <c r="D106" s="118">
        <v>0.19600000000000001</v>
      </c>
    </row>
    <row r="107" spans="1:4">
      <c r="A107" s="45" t="s">
        <v>430</v>
      </c>
      <c r="B107" s="53">
        <v>1588</v>
      </c>
      <c r="C107" s="84">
        <v>3.8</v>
      </c>
      <c r="D107" s="85">
        <v>0</v>
      </c>
    </row>
    <row r="108" spans="1:4">
      <c r="A108" s="49" t="s">
        <v>431</v>
      </c>
      <c r="B108" s="49">
        <v>233</v>
      </c>
      <c r="C108" s="117">
        <v>3.9</v>
      </c>
      <c r="D108" s="118">
        <v>0.19600000000000001</v>
      </c>
    </row>
    <row r="109" spans="1:4">
      <c r="A109" s="45" t="s">
        <v>432</v>
      </c>
      <c r="B109" s="53">
        <v>554</v>
      </c>
      <c r="C109" s="84">
        <v>3.9</v>
      </c>
      <c r="D109" s="85">
        <v>0.19600000000000001</v>
      </c>
    </row>
    <row r="110" spans="1:4">
      <c r="A110" s="49" t="s">
        <v>433</v>
      </c>
      <c r="B110" s="49">
        <v>719</v>
      </c>
      <c r="C110" s="117">
        <v>3.8</v>
      </c>
      <c r="D110" s="118">
        <v>0</v>
      </c>
    </row>
    <row r="111" spans="1:4">
      <c r="A111" s="45" t="s">
        <v>434</v>
      </c>
      <c r="B111" s="126">
        <v>979</v>
      </c>
      <c r="C111" s="114">
        <v>3.9</v>
      </c>
      <c r="D111" s="115">
        <v>0</v>
      </c>
    </row>
    <row r="112" spans="1:4">
      <c r="A112" s="49" t="s">
        <v>435</v>
      </c>
      <c r="B112" s="128">
        <v>739</v>
      </c>
      <c r="C112" s="117">
        <v>3.9</v>
      </c>
      <c r="D112" s="118">
        <v>0</v>
      </c>
    </row>
    <row r="113" spans="1:30">
      <c r="A113" s="45" t="s">
        <v>436</v>
      </c>
      <c r="B113" s="83">
        <v>133</v>
      </c>
      <c r="C113" s="84">
        <v>3.7</v>
      </c>
      <c r="D113" s="85">
        <v>0.19600000000000001</v>
      </c>
    </row>
    <row r="114" spans="1:30">
      <c r="A114" s="49" t="s">
        <v>437</v>
      </c>
      <c r="B114" s="128">
        <v>154</v>
      </c>
      <c r="C114" s="117">
        <v>4</v>
      </c>
      <c r="D114" s="118">
        <v>0.19600000000000001</v>
      </c>
    </row>
    <row r="115" spans="1:30">
      <c r="A115" s="45" t="s">
        <v>438</v>
      </c>
      <c r="B115" s="126">
        <v>256</v>
      </c>
      <c r="C115" s="114">
        <v>3.9</v>
      </c>
      <c r="D115" s="115">
        <v>0.19600000000000001</v>
      </c>
    </row>
    <row r="116" spans="1:30">
      <c r="A116" s="49" t="s">
        <v>439</v>
      </c>
      <c r="B116" s="128">
        <v>406</v>
      </c>
      <c r="C116" s="117">
        <v>4</v>
      </c>
      <c r="D116" s="118">
        <v>0.19600000000000001</v>
      </c>
    </row>
    <row r="117" spans="1:30">
      <c r="A117" s="45" t="s">
        <v>440</v>
      </c>
      <c r="B117" s="126">
        <v>409</v>
      </c>
      <c r="C117" s="114">
        <v>3.9</v>
      </c>
      <c r="D117" s="115">
        <v>0.19600000000000001</v>
      </c>
    </row>
    <row r="118" spans="1:30">
      <c r="A118" s="49" t="s">
        <v>441</v>
      </c>
      <c r="B118" s="128">
        <v>282</v>
      </c>
      <c r="C118" s="117">
        <v>3.4</v>
      </c>
      <c r="D118" s="118">
        <v>0.19600000000000001</v>
      </c>
    </row>
    <row r="119" spans="1:30">
      <c r="A119" s="45" t="s">
        <v>442</v>
      </c>
      <c r="B119" s="126">
        <v>767</v>
      </c>
      <c r="C119" s="114">
        <v>4</v>
      </c>
      <c r="D119" s="115">
        <v>0</v>
      </c>
    </row>
    <row r="120" spans="1:30">
      <c r="A120" s="49" t="s">
        <v>443</v>
      </c>
      <c r="B120" s="128">
        <v>1011</v>
      </c>
      <c r="C120" s="117">
        <v>3.9</v>
      </c>
      <c r="D120" s="118">
        <v>0</v>
      </c>
    </row>
    <row r="121" spans="1:30">
      <c r="A121" s="45" t="s">
        <v>444</v>
      </c>
      <c r="B121" s="126">
        <v>281</v>
      </c>
      <c r="C121" s="114">
        <v>3.7</v>
      </c>
      <c r="D121" s="115">
        <v>0.19600000000000001</v>
      </c>
    </row>
    <row r="122" spans="1:30">
      <c r="A122" s="49" t="s">
        <v>445</v>
      </c>
      <c r="B122" s="128">
        <v>194</v>
      </c>
      <c r="C122" s="117">
        <v>3.8</v>
      </c>
      <c r="D122" s="118">
        <v>0.19600000000000001</v>
      </c>
      <c r="P122" s="248"/>
      <c r="Q122" s="248"/>
      <c r="R122" s="248"/>
      <c r="S122" s="248"/>
      <c r="T122" s="248"/>
      <c r="U122" s="248"/>
      <c r="V122" s="248"/>
      <c r="W122" s="248"/>
      <c r="X122" s="248"/>
      <c r="Y122" s="248"/>
      <c r="Z122" s="248"/>
      <c r="AA122" s="248"/>
      <c r="AB122" s="248"/>
      <c r="AC122" s="248"/>
      <c r="AD122" s="248"/>
    </row>
    <row r="123" spans="1:30">
      <c r="A123" s="45" t="s">
        <v>446</v>
      </c>
      <c r="B123" s="126">
        <v>166</v>
      </c>
      <c r="C123" s="114">
        <v>3.8</v>
      </c>
      <c r="D123" s="115">
        <v>0.19600000000000001</v>
      </c>
    </row>
    <row r="124" spans="1:30">
      <c r="A124" s="49" t="s">
        <v>447</v>
      </c>
      <c r="B124" s="128">
        <v>79</v>
      </c>
      <c r="C124" s="117">
        <v>3.6</v>
      </c>
      <c r="D124" s="118">
        <v>0.19600000000000001</v>
      </c>
      <c r="P124" s="248"/>
      <c r="Q124" s="248"/>
      <c r="R124" s="248"/>
      <c r="S124" s="248"/>
      <c r="T124" s="248"/>
      <c r="U124" s="248"/>
      <c r="V124" s="248"/>
      <c r="W124" s="248"/>
      <c r="X124" s="248"/>
      <c r="Y124" s="248"/>
      <c r="Z124" s="248"/>
      <c r="AA124" s="248"/>
      <c r="AB124" s="248"/>
      <c r="AC124" s="248"/>
      <c r="AD124" s="248"/>
    </row>
    <row r="125" spans="1:30" s="248" customFormat="1">
      <c r="A125" s="241"/>
    </row>
    <row r="126" spans="1:30" ht="18.75">
      <c r="A126" s="343" t="s">
        <v>37</v>
      </c>
      <c r="B126" s="343"/>
      <c r="C126" s="343"/>
      <c r="D126" s="343"/>
      <c r="E126" s="343"/>
      <c r="F126" s="343"/>
      <c r="G126" s="343"/>
      <c r="H126" s="343"/>
      <c r="I126" s="343"/>
      <c r="J126" s="343"/>
      <c r="K126" s="343"/>
      <c r="L126" s="343"/>
      <c r="M126" s="343"/>
      <c r="N126" s="343"/>
      <c r="O126" s="343"/>
      <c r="P126" s="343"/>
      <c r="Q126" s="343"/>
      <c r="R126" s="343"/>
      <c r="S126" s="343"/>
      <c r="T126" s="226"/>
      <c r="U126" s="226"/>
      <c r="V126" s="226"/>
      <c r="W126" s="226"/>
      <c r="X126" s="226"/>
      <c r="Y126" s="226"/>
      <c r="Z126" s="226"/>
      <c r="AA126" s="226"/>
      <c r="AB126" s="248"/>
    </row>
    <row r="127" spans="1:30" ht="72" customHeight="1">
      <c r="A127" s="370" t="s">
        <v>506</v>
      </c>
      <c r="B127" s="370"/>
      <c r="C127" s="370"/>
      <c r="D127" s="370"/>
      <c r="E127" s="370"/>
      <c r="F127" s="370"/>
      <c r="G127" s="370"/>
      <c r="H127" s="370"/>
      <c r="I127" s="370"/>
      <c r="J127" s="370"/>
      <c r="K127" s="370"/>
      <c r="L127" s="370"/>
      <c r="M127" s="370"/>
      <c r="N127" s="370"/>
      <c r="O127" s="370"/>
      <c r="P127" s="370"/>
      <c r="Q127" s="370"/>
      <c r="R127" s="370"/>
      <c r="S127" s="370"/>
      <c r="T127" s="229"/>
      <c r="U127" s="229"/>
      <c r="V127" s="229"/>
      <c r="W127" s="229"/>
      <c r="X127" s="229"/>
      <c r="Y127" s="229"/>
      <c r="Z127" s="229"/>
      <c r="AA127" s="229"/>
      <c r="AB127" s="248"/>
    </row>
    <row r="128" spans="1:30" ht="41.25" customHeight="1">
      <c r="A128" s="64"/>
      <c r="B128" s="365" t="s">
        <v>245</v>
      </c>
      <c r="C128" s="366"/>
      <c r="D128" s="366"/>
      <c r="E128" s="366"/>
      <c r="F128" s="366"/>
      <c r="G128" s="366"/>
      <c r="H128" s="366"/>
      <c r="I128" s="366"/>
      <c r="J128" s="367"/>
      <c r="K128" s="368" t="s">
        <v>218</v>
      </c>
      <c r="L128" s="371"/>
      <c r="M128" s="371"/>
      <c r="N128" s="371"/>
      <c r="O128" s="371"/>
      <c r="P128" s="371"/>
      <c r="Q128" s="371"/>
      <c r="R128" s="371"/>
      <c r="S128" s="371"/>
      <c r="T128" s="248"/>
      <c r="U128" s="248"/>
      <c r="V128" s="248"/>
      <c r="W128" s="248"/>
      <c r="X128" s="248"/>
      <c r="Y128" s="248"/>
      <c r="Z128" s="248"/>
      <c r="AA128" s="248"/>
      <c r="AB128" s="248"/>
    </row>
    <row r="129" spans="1:19" ht="40.5" customHeight="1">
      <c r="A129" s="37" t="s">
        <v>85</v>
      </c>
      <c r="B129" s="38" t="s">
        <v>86</v>
      </c>
      <c r="C129" s="38" t="s">
        <v>178</v>
      </c>
      <c r="D129" s="89" t="s">
        <v>101</v>
      </c>
      <c r="E129" s="38" t="s">
        <v>179</v>
      </c>
      <c r="F129" s="89" t="s">
        <v>102</v>
      </c>
      <c r="G129" s="38" t="s">
        <v>180</v>
      </c>
      <c r="H129" s="89" t="s">
        <v>103</v>
      </c>
      <c r="I129" s="38" t="s">
        <v>353</v>
      </c>
      <c r="J129" s="89" t="s">
        <v>352</v>
      </c>
      <c r="K129" s="65" t="s">
        <v>86</v>
      </c>
      <c r="L129" s="65" t="s">
        <v>178</v>
      </c>
      <c r="M129" s="88" t="s">
        <v>101</v>
      </c>
      <c r="N129" s="65" t="s">
        <v>179</v>
      </c>
      <c r="O129" s="88" t="s">
        <v>102</v>
      </c>
      <c r="P129" s="65" t="s">
        <v>180</v>
      </c>
      <c r="Q129" s="88" t="s">
        <v>103</v>
      </c>
      <c r="R129" s="65" t="s">
        <v>353</v>
      </c>
      <c r="S129" s="88" t="s">
        <v>352</v>
      </c>
    </row>
    <row r="130" spans="1:19" ht="66" customHeight="1">
      <c r="A130" s="41"/>
      <c r="B130" s="42" t="s">
        <v>89</v>
      </c>
      <c r="C130" s="42" t="s">
        <v>181</v>
      </c>
      <c r="D130" s="91" t="s">
        <v>104</v>
      </c>
      <c r="E130" s="42" t="s">
        <v>182</v>
      </c>
      <c r="F130" s="91" t="s">
        <v>104</v>
      </c>
      <c r="G130" s="42" t="s">
        <v>183</v>
      </c>
      <c r="H130" s="91" t="s">
        <v>104</v>
      </c>
      <c r="I130" s="42" t="s">
        <v>353</v>
      </c>
      <c r="J130" s="91" t="s">
        <v>104</v>
      </c>
      <c r="K130" s="68" t="s">
        <v>89</v>
      </c>
      <c r="L130" s="68" t="s">
        <v>181</v>
      </c>
      <c r="M130" s="90" t="s">
        <v>104</v>
      </c>
      <c r="N130" s="68" t="s">
        <v>182</v>
      </c>
      <c r="O130" s="90" t="s">
        <v>104</v>
      </c>
      <c r="P130" s="68" t="s">
        <v>183</v>
      </c>
      <c r="Q130" s="90" t="s">
        <v>104</v>
      </c>
      <c r="R130" s="68" t="s">
        <v>353</v>
      </c>
      <c r="S130" s="90" t="s">
        <v>104</v>
      </c>
    </row>
    <row r="131" spans="1:19">
      <c r="A131" s="45" t="s">
        <v>424</v>
      </c>
      <c r="B131" s="130">
        <v>9369</v>
      </c>
      <c r="C131" s="131">
        <v>0.37</v>
      </c>
      <c r="D131" s="94">
        <v>9.9741353621355475E-3</v>
      </c>
      <c r="E131" s="131">
        <v>0.221</v>
      </c>
      <c r="F131" s="94">
        <v>8.5731282152094537E-3</v>
      </c>
      <c r="G131" s="131">
        <v>0.40600000000000003</v>
      </c>
      <c r="H131" s="94">
        <v>1.0145038873403799E-2</v>
      </c>
      <c r="I131" s="131">
        <v>3.0000000000000001E-3</v>
      </c>
      <c r="J131" s="94">
        <v>1.1689246013616803E-3</v>
      </c>
      <c r="K131" s="130">
        <v>9309</v>
      </c>
      <c r="L131" s="131">
        <v>0.56100000000000005</v>
      </c>
      <c r="M131" s="94">
        <v>1.0284938582580939E-2</v>
      </c>
      <c r="N131" s="131">
        <v>0.153</v>
      </c>
      <c r="O131" s="94">
        <v>7.4635564944022306E-3</v>
      </c>
      <c r="P131" s="131">
        <v>0.17199999999999999</v>
      </c>
      <c r="Q131" s="94">
        <v>7.823578070147828E-3</v>
      </c>
      <c r="R131" s="131">
        <v>0.114</v>
      </c>
      <c r="S131" s="94">
        <v>6.5906676373308224E-3</v>
      </c>
    </row>
    <row r="132" spans="1:19">
      <c r="A132" s="49" t="s">
        <v>425</v>
      </c>
      <c r="B132" s="132">
        <v>8729</v>
      </c>
      <c r="C132" s="133">
        <v>0.37375328790127532</v>
      </c>
      <c r="D132" s="97">
        <v>1.0354450295772881E-2</v>
      </c>
      <c r="E132" s="133">
        <v>0.21759286025718899</v>
      </c>
      <c r="F132" s="97">
        <v>8.8324285743558578E-3</v>
      </c>
      <c r="G132" s="133">
        <v>0.40625327016899487</v>
      </c>
      <c r="H132" s="97">
        <v>1.0511254749015609E-2</v>
      </c>
      <c r="I132" s="133">
        <v>2.4005816725408747E-3</v>
      </c>
      <c r="J132" s="97">
        <v>1.0957982685366465E-3</v>
      </c>
      <c r="K132" s="132">
        <v>8676</v>
      </c>
      <c r="L132" s="133">
        <v>0.59507818213662678</v>
      </c>
      <c r="M132" s="97">
        <v>1.0537807050497342E-2</v>
      </c>
      <c r="N132" s="133">
        <v>0.14526782920903189</v>
      </c>
      <c r="O132" s="97">
        <v>7.5678509073263808E-3</v>
      </c>
      <c r="P132" s="133">
        <v>0.16198415705035279</v>
      </c>
      <c r="Q132" s="97">
        <v>7.912265737003878E-3</v>
      </c>
      <c r="R132" s="133">
        <v>9.7669831603988483E-2</v>
      </c>
      <c r="S132" s="97">
        <v>6.3782316201213256E-3</v>
      </c>
    </row>
    <row r="133" spans="1:19">
      <c r="A133" s="45" t="s">
        <v>426</v>
      </c>
      <c r="B133" s="83">
        <v>839</v>
      </c>
      <c r="C133" s="98">
        <v>0.44990000000000002</v>
      </c>
      <c r="D133" s="94">
        <v>3.4270139814653655E-2</v>
      </c>
      <c r="E133" s="98">
        <v>0.22650000000000001</v>
      </c>
      <c r="F133" s="94">
        <v>2.8890592737705698E-2</v>
      </c>
      <c r="G133" s="98">
        <v>0.31950000000000001</v>
      </c>
      <c r="H133" s="94">
        <v>3.2142048330266244E-2</v>
      </c>
      <c r="I133" s="98">
        <v>4.1000000000000003E-3</v>
      </c>
      <c r="J133" s="94">
        <v>5.5155913509177344E-3</v>
      </c>
      <c r="K133" s="83">
        <v>830</v>
      </c>
      <c r="L133" s="98">
        <v>0.44750000000000001</v>
      </c>
      <c r="M133" s="94">
        <v>3.4437593468006039E-2</v>
      </c>
      <c r="N133" s="98">
        <v>0.18990000000000001</v>
      </c>
      <c r="O133" s="94">
        <v>2.72441836205712E-2</v>
      </c>
      <c r="P133" s="98">
        <v>0.18</v>
      </c>
      <c r="Q133" s="94">
        <v>2.6694820150779289E-2</v>
      </c>
      <c r="R133" s="98">
        <v>0.18260000000000001</v>
      </c>
      <c r="S133" s="94">
        <v>2.6841865721768891E-2</v>
      </c>
    </row>
    <row r="134" spans="1:19">
      <c r="A134" s="49" t="s">
        <v>427</v>
      </c>
      <c r="B134" s="132">
        <v>6867</v>
      </c>
      <c r="C134" s="133">
        <v>0.37</v>
      </c>
      <c r="D134" s="97">
        <v>1.1649558921615935E-2</v>
      </c>
      <c r="E134" s="133">
        <v>0.221</v>
      </c>
      <c r="F134" s="97">
        <v>1.0013805198471865E-2</v>
      </c>
      <c r="G134" s="133">
        <v>0.40600000000000003</v>
      </c>
      <c r="H134" s="97">
        <v>1.184910426758559E-2</v>
      </c>
      <c r="I134" s="133">
        <v>3.0000000000000001E-3</v>
      </c>
      <c r="J134" s="97">
        <v>1.3815239814085509E-3</v>
      </c>
      <c r="K134" s="132">
        <v>6821</v>
      </c>
      <c r="L134" s="133">
        <v>0.56200000000000006</v>
      </c>
      <c r="M134" s="97">
        <v>1.2011240266017945E-2</v>
      </c>
      <c r="N134" s="133">
        <v>0.153</v>
      </c>
      <c r="O134" s="97">
        <v>8.7197169492400414E-3</v>
      </c>
      <c r="P134" s="133">
        <v>0.17100000000000001</v>
      </c>
      <c r="Q134" s="97">
        <v>9.1190205346954219E-3</v>
      </c>
      <c r="R134" s="133">
        <v>0.115</v>
      </c>
      <c r="S134" s="97">
        <v>7.7298220906838544E-3</v>
      </c>
    </row>
    <row r="135" spans="1:19">
      <c r="A135" s="45" t="s">
        <v>428</v>
      </c>
      <c r="B135" s="83">
        <v>2504</v>
      </c>
      <c r="C135" s="98">
        <v>0.309</v>
      </c>
      <c r="D135" s="94">
        <v>1.8458767967549063E-2</v>
      </c>
      <c r="E135" s="98">
        <v>0.23400000000000001</v>
      </c>
      <c r="F135" s="94">
        <v>1.691848912589803E-2</v>
      </c>
      <c r="G135" s="98">
        <v>0.45600000000000002</v>
      </c>
      <c r="H135" s="94">
        <v>1.9890857321053661E-2</v>
      </c>
      <c r="I135" s="98">
        <v>2E-3</v>
      </c>
      <c r="J135" s="94">
        <v>2.1081033348519453E-3</v>
      </c>
      <c r="K135" s="83">
        <v>2490</v>
      </c>
      <c r="L135" s="98">
        <v>0.51400000000000001</v>
      </c>
      <c r="M135" s="94">
        <v>2.0016217490772068E-2</v>
      </c>
      <c r="N135" s="98">
        <v>0.155</v>
      </c>
      <c r="O135" s="94">
        <v>1.4514682450497829E-2</v>
      </c>
      <c r="P135" s="98">
        <v>0.25</v>
      </c>
      <c r="Q135" s="94">
        <v>1.7350591224867304E-2</v>
      </c>
      <c r="R135" s="98">
        <v>8.1000000000000003E-2</v>
      </c>
      <c r="S135" s="94">
        <v>1.0967744144966528E-2</v>
      </c>
    </row>
    <row r="136" spans="1:19">
      <c r="A136" s="49" t="s">
        <v>429</v>
      </c>
      <c r="B136" s="132">
        <v>614</v>
      </c>
      <c r="C136" s="133">
        <v>0.29799999999999999</v>
      </c>
      <c r="D136" s="97">
        <v>3.6843278486778049E-2</v>
      </c>
      <c r="E136" s="133">
        <v>0.25</v>
      </c>
      <c r="F136" s="97">
        <v>3.4911487076341723E-2</v>
      </c>
      <c r="G136" s="133">
        <v>0.45200000000000001</v>
      </c>
      <c r="H136" s="97">
        <v>4.0042512095178791E-2</v>
      </c>
      <c r="I136" s="133">
        <v>1E-3</v>
      </c>
      <c r="J136" s="97">
        <v>5.2212426940471263E-3</v>
      </c>
      <c r="K136" s="132">
        <v>609</v>
      </c>
      <c r="L136" s="133">
        <v>0.52100000000000002</v>
      </c>
      <c r="M136" s="97">
        <v>4.0354444016383835E-2</v>
      </c>
      <c r="N136" s="133">
        <v>0.14399999999999999</v>
      </c>
      <c r="O136" s="97">
        <v>2.8549785464711552E-2</v>
      </c>
      <c r="P136" s="133">
        <v>0.254</v>
      </c>
      <c r="Q136" s="97">
        <v>3.5235973722584808E-2</v>
      </c>
      <c r="R136" s="133">
        <v>8.1000000000000003E-2</v>
      </c>
      <c r="S136" s="97">
        <v>2.2374930042140386E-2</v>
      </c>
    </row>
    <row r="137" spans="1:19">
      <c r="A137" s="45" t="s">
        <v>430</v>
      </c>
      <c r="B137" s="83">
        <v>1588</v>
      </c>
      <c r="C137" s="98">
        <v>0.314</v>
      </c>
      <c r="D137" s="94">
        <v>2.3273425592306819E-2</v>
      </c>
      <c r="E137" s="98">
        <v>0.23799999999999999</v>
      </c>
      <c r="F137" s="94">
        <v>2.1366655053630706E-2</v>
      </c>
      <c r="G137" s="98">
        <v>0.44500000000000001</v>
      </c>
      <c r="H137" s="94">
        <v>2.4911409966182747E-2</v>
      </c>
      <c r="I137" s="98">
        <v>2E-3</v>
      </c>
      <c r="J137" s="94">
        <v>2.8534936772013808E-3</v>
      </c>
      <c r="K137" s="83">
        <v>1580</v>
      </c>
      <c r="L137" s="98">
        <v>0.52800000000000002</v>
      </c>
      <c r="M137" s="94">
        <v>2.5086716000466362E-2</v>
      </c>
      <c r="N137" s="98">
        <v>0.16</v>
      </c>
      <c r="O137" s="94">
        <v>1.846256800143142E-2</v>
      </c>
      <c r="P137" s="98">
        <v>0.23499999999999999</v>
      </c>
      <c r="Q137" s="94">
        <v>2.1327723214717587E-2</v>
      </c>
      <c r="R137" s="98">
        <v>7.6999999999999999E-2</v>
      </c>
      <c r="S137" s="94">
        <v>1.3481519412557865E-2</v>
      </c>
    </row>
    <row r="138" spans="1:19">
      <c r="A138" s="49" t="s">
        <v>431</v>
      </c>
      <c r="B138" s="132">
        <v>233</v>
      </c>
      <c r="C138" s="133">
        <v>0.32300000000000001</v>
      </c>
      <c r="D138" s="97">
        <v>6.0896203421594249E-2</v>
      </c>
      <c r="E138" s="133">
        <v>0.19</v>
      </c>
      <c r="F138" s="97">
        <v>5.1495197814057841E-2</v>
      </c>
      <c r="G138" s="133">
        <v>0.48399999999999999</v>
      </c>
      <c r="H138" s="97">
        <v>6.492482747303828E-2</v>
      </c>
      <c r="I138" s="133">
        <v>3.0000000000000001E-3</v>
      </c>
      <c r="J138" s="97">
        <v>1.3784657821261054E-2</v>
      </c>
      <c r="K138" s="132">
        <v>233</v>
      </c>
      <c r="L138" s="133">
        <v>0.439</v>
      </c>
      <c r="M138" s="97">
        <v>6.4488057760948361E-2</v>
      </c>
      <c r="N138" s="133">
        <v>0.20499999999999999</v>
      </c>
      <c r="O138" s="97">
        <v>5.2913074687430034E-2</v>
      </c>
      <c r="P138" s="133">
        <v>0.27600000000000002</v>
      </c>
      <c r="Q138" s="97">
        <v>5.83172484309743E-2</v>
      </c>
      <c r="R138" s="133">
        <v>0.08</v>
      </c>
      <c r="S138" s="97">
        <v>3.6631171624047339E-2</v>
      </c>
    </row>
    <row r="139" spans="1:19">
      <c r="A139" s="45" t="s">
        <v>432</v>
      </c>
      <c r="B139" s="83">
        <v>553</v>
      </c>
      <c r="C139" s="98">
        <v>0.33300000000000002</v>
      </c>
      <c r="D139" s="94">
        <v>3.997397015416445E-2</v>
      </c>
      <c r="E139" s="98">
        <v>0.25700000000000001</v>
      </c>
      <c r="F139" s="94">
        <v>3.7112672860535288E-2</v>
      </c>
      <c r="G139" s="98">
        <v>0.41</v>
      </c>
      <c r="H139" s="94">
        <v>4.1689277198653667E-2</v>
      </c>
      <c r="I139" s="98">
        <v>0</v>
      </c>
      <c r="J139" s="94">
        <v>5.0688412784803561E-3</v>
      </c>
      <c r="K139" s="83">
        <v>552</v>
      </c>
      <c r="L139" s="98">
        <v>0.52400000000000002</v>
      </c>
      <c r="M139" s="94">
        <v>4.2361263861627259E-2</v>
      </c>
      <c r="N139" s="98">
        <v>0.126</v>
      </c>
      <c r="O139" s="94">
        <v>2.8402219582516507E-2</v>
      </c>
      <c r="P139" s="98">
        <v>0.29599999999999999</v>
      </c>
      <c r="Q139" s="94">
        <v>3.8774448072376927E-2</v>
      </c>
      <c r="R139" s="98">
        <v>5.3999999999999999E-2</v>
      </c>
      <c r="S139" s="94">
        <v>1.9698410517824661E-2</v>
      </c>
    </row>
    <row r="140" spans="1:19">
      <c r="A140" s="49" t="s">
        <v>433</v>
      </c>
      <c r="B140" s="132">
        <v>720</v>
      </c>
      <c r="C140" s="133">
        <v>0.309</v>
      </c>
      <c r="D140" s="97">
        <v>3.4378538807114979E-2</v>
      </c>
      <c r="E140" s="133">
        <v>0.247</v>
      </c>
      <c r="F140" s="97">
        <v>3.2116528846424061E-2</v>
      </c>
      <c r="G140" s="133">
        <v>0.443</v>
      </c>
      <c r="H140" s="97">
        <v>3.6925099743237079E-2</v>
      </c>
      <c r="I140" s="133">
        <v>1E-3</v>
      </c>
      <c r="J140" s="97">
        <v>4.5473516875841995E-3</v>
      </c>
      <c r="K140" s="132">
        <v>716</v>
      </c>
      <c r="L140" s="133">
        <v>0.52400000000000002</v>
      </c>
      <c r="M140" s="97">
        <v>3.72253186108462E-2</v>
      </c>
      <c r="N140" s="133">
        <v>0.17399999999999999</v>
      </c>
      <c r="O140" s="97">
        <v>2.8372675070781634E-2</v>
      </c>
      <c r="P140" s="133">
        <v>0.23200000000000001</v>
      </c>
      <c r="Q140" s="97">
        <v>3.1532331525164679E-2</v>
      </c>
      <c r="R140" s="133">
        <v>6.9000000000000006E-2</v>
      </c>
      <c r="S140" s="97">
        <v>1.9191618214863371E-2</v>
      </c>
    </row>
    <row r="141" spans="1:19">
      <c r="A141" s="45" t="s">
        <v>434</v>
      </c>
      <c r="B141" s="130">
        <v>976</v>
      </c>
      <c r="C141" s="131">
        <v>0.27300000000000002</v>
      </c>
      <c r="D141" s="94">
        <v>2.849208887256922E-2</v>
      </c>
      <c r="E141" s="131">
        <v>0.22</v>
      </c>
      <c r="F141" s="94">
        <v>2.6514431486479747E-2</v>
      </c>
      <c r="G141" s="131">
        <v>0.504</v>
      </c>
      <c r="H141" s="94">
        <v>3.1942814358883263E-2</v>
      </c>
      <c r="I141" s="131">
        <v>3.0000000000000001E-3</v>
      </c>
      <c r="J141" s="94">
        <v>4.5190232365056836E-3</v>
      </c>
      <c r="K141" s="130">
        <v>967</v>
      </c>
      <c r="L141" s="131">
        <v>0.53500000000000003</v>
      </c>
      <c r="M141" s="94">
        <v>3.2013454425639153E-2</v>
      </c>
      <c r="N141" s="131">
        <v>0.14099999999999999</v>
      </c>
      <c r="O141" s="94">
        <v>2.2434585471996959E-2</v>
      </c>
      <c r="P141" s="131">
        <v>0.19900000000000001</v>
      </c>
      <c r="Q141" s="94">
        <v>2.5684765504147153E-2</v>
      </c>
      <c r="R141" s="131">
        <v>0.124</v>
      </c>
      <c r="S141" s="94">
        <v>2.1266431841032076E-2</v>
      </c>
    </row>
    <row r="142" spans="1:19">
      <c r="A142" s="49" t="s">
        <v>435</v>
      </c>
      <c r="B142" s="132">
        <v>739</v>
      </c>
      <c r="C142" s="133">
        <v>0.315</v>
      </c>
      <c r="D142" s="97">
        <v>3.411188258652316E-2</v>
      </c>
      <c r="E142" s="133">
        <v>0.24</v>
      </c>
      <c r="F142" s="97">
        <v>3.1398613850172265E-2</v>
      </c>
      <c r="G142" s="133">
        <v>0.443</v>
      </c>
      <c r="H142" s="97">
        <v>3.6449850379206554E-2</v>
      </c>
      <c r="I142" s="133">
        <v>2E-3</v>
      </c>
      <c r="J142" s="97">
        <v>5.0082628387730912E-3</v>
      </c>
      <c r="K142" s="132">
        <v>735</v>
      </c>
      <c r="L142" s="133">
        <v>0.51300000000000001</v>
      </c>
      <c r="M142" s="97">
        <v>3.6773293285238456E-2</v>
      </c>
      <c r="N142" s="133">
        <v>0.13900000000000001</v>
      </c>
      <c r="O142" s="97">
        <v>2.5600867294780179E-2</v>
      </c>
      <c r="P142" s="133">
        <v>0.26100000000000001</v>
      </c>
      <c r="Q142" s="97">
        <v>3.2362601115604156E-2</v>
      </c>
      <c r="R142" s="133">
        <v>8.6999999999999994E-2</v>
      </c>
      <c r="S142" s="97">
        <v>2.0973917327199578E-2</v>
      </c>
    </row>
    <row r="143" spans="1:19">
      <c r="A143" s="45" t="s">
        <v>436</v>
      </c>
      <c r="B143" s="83">
        <v>132</v>
      </c>
      <c r="C143" s="98">
        <v>0.39300000000000002</v>
      </c>
      <c r="D143" s="94">
        <v>8.3879214036156946E-2</v>
      </c>
      <c r="E143" s="98">
        <v>0.159</v>
      </c>
      <c r="F143" s="94">
        <v>6.4273878539003459E-2</v>
      </c>
      <c r="G143" s="98">
        <v>0.44900000000000001</v>
      </c>
      <c r="H143" s="94">
        <v>8.5328043455829922E-2</v>
      </c>
      <c r="I143" s="98">
        <v>0</v>
      </c>
      <c r="J143" s="94">
        <v>2.0643770871594677E-2</v>
      </c>
      <c r="K143" s="83">
        <v>132</v>
      </c>
      <c r="L143" s="98">
        <v>0.58099999999999996</v>
      </c>
      <c r="M143" s="94">
        <v>8.4682671602479345E-2</v>
      </c>
      <c r="N143" s="98">
        <v>6.7000000000000004E-2</v>
      </c>
      <c r="O143" s="94">
        <v>4.645604405356156E-2</v>
      </c>
      <c r="P143" s="98">
        <v>0.218</v>
      </c>
      <c r="Q143" s="94">
        <v>7.1760445020711286E-2</v>
      </c>
      <c r="R143" s="98">
        <v>0.13400000000000001</v>
      </c>
      <c r="S143" s="94">
        <v>6.0344083440459044E-2</v>
      </c>
    </row>
    <row r="144" spans="1:19">
      <c r="A144" s="49" t="s">
        <v>437</v>
      </c>
      <c r="B144" s="132">
        <v>154</v>
      </c>
      <c r="C144" s="133">
        <v>0.28899999999999998</v>
      </c>
      <c r="D144" s="97">
        <v>7.2514458325826731E-2</v>
      </c>
      <c r="E144" s="133">
        <v>0.20499999999999999</v>
      </c>
      <c r="F144" s="97">
        <v>6.5085251356994819E-2</v>
      </c>
      <c r="G144" s="133">
        <v>0.50700000000000001</v>
      </c>
      <c r="H144" s="97">
        <v>7.9548321371978759E-2</v>
      </c>
      <c r="I144" s="133">
        <v>0</v>
      </c>
      <c r="J144" s="97">
        <v>1.7787776428620949E-2</v>
      </c>
      <c r="K144" s="132">
        <v>152</v>
      </c>
      <c r="L144" s="133">
        <v>0.51700000000000002</v>
      </c>
      <c r="M144" s="97">
        <v>8.0020130561202815E-2</v>
      </c>
      <c r="N144" s="133">
        <v>0.189</v>
      </c>
      <c r="O144" s="97">
        <v>6.3685014314442553E-2</v>
      </c>
      <c r="P144" s="133">
        <v>0.17199999999999999</v>
      </c>
      <c r="Q144" s="97">
        <v>6.1573886363070811E-2</v>
      </c>
      <c r="R144" s="133">
        <v>0.122</v>
      </c>
      <c r="S144" s="97">
        <v>5.4148287324522391E-2</v>
      </c>
    </row>
    <row r="145" spans="1:33">
      <c r="A145" s="45" t="s">
        <v>438</v>
      </c>
      <c r="B145" s="130">
        <v>257</v>
      </c>
      <c r="C145" s="131">
        <v>0.29299999999999998</v>
      </c>
      <c r="D145" s="94">
        <v>5.6521696251464693E-2</v>
      </c>
      <c r="E145" s="131">
        <v>0.24299999999999999</v>
      </c>
      <c r="F145" s="94">
        <v>5.3385029124599866E-2</v>
      </c>
      <c r="G145" s="131">
        <v>0.46300000000000002</v>
      </c>
      <c r="H145" s="94">
        <v>6.1733904336916175E-2</v>
      </c>
      <c r="I145" s="131">
        <v>1E-3</v>
      </c>
      <c r="J145" s="94">
        <v>1.146223528154734E-2</v>
      </c>
      <c r="K145" s="130">
        <v>256</v>
      </c>
      <c r="L145" s="131">
        <v>0.498</v>
      </c>
      <c r="M145" s="94">
        <v>6.2016886302184791E-2</v>
      </c>
      <c r="N145" s="131">
        <v>0.16800000000000001</v>
      </c>
      <c r="O145" s="94">
        <v>4.6927344689030093E-2</v>
      </c>
      <c r="P145" s="131">
        <v>0.26100000000000001</v>
      </c>
      <c r="Q145" s="94">
        <v>5.4719290575059351E-2</v>
      </c>
      <c r="R145" s="131">
        <v>7.2999999999999995E-2</v>
      </c>
      <c r="S145" s="94">
        <v>3.3566917844812083E-2</v>
      </c>
    </row>
    <row r="146" spans="1:33">
      <c r="A146" s="49" t="s">
        <v>439</v>
      </c>
      <c r="B146" s="132">
        <v>405</v>
      </c>
      <c r="C146" s="133">
        <v>0.249</v>
      </c>
      <c r="D146" s="97">
        <v>4.2904940416189925E-2</v>
      </c>
      <c r="E146" s="133">
        <v>0.28999999999999998</v>
      </c>
      <c r="F146" s="97">
        <v>4.4967619280035842E-2</v>
      </c>
      <c r="G146" s="133">
        <v>0.46</v>
      </c>
      <c r="H146" s="97">
        <v>4.9291423477480285E-2</v>
      </c>
      <c r="I146" s="133">
        <v>1E-3</v>
      </c>
      <c r="J146" s="97">
        <v>7.5610757819463059E-3</v>
      </c>
      <c r="K146" s="132">
        <v>404</v>
      </c>
      <c r="L146" s="133">
        <v>0.48299999999999998</v>
      </c>
      <c r="M146" s="97">
        <v>4.9479312263287674E-2</v>
      </c>
      <c r="N146" s="133">
        <v>0.187</v>
      </c>
      <c r="O146" s="97">
        <v>3.8848946324051413E-2</v>
      </c>
      <c r="P146" s="133">
        <v>0.28599999999999998</v>
      </c>
      <c r="Q146" s="97">
        <v>4.4841502901971093E-2</v>
      </c>
      <c r="R146" s="133">
        <v>4.3999999999999997E-2</v>
      </c>
      <c r="S146" s="97">
        <v>2.1264254806244422E-2</v>
      </c>
    </row>
    <row r="147" spans="1:33">
      <c r="A147" s="45" t="s">
        <v>440</v>
      </c>
      <c r="B147" s="130">
        <v>408</v>
      </c>
      <c r="C147" s="131">
        <v>0.29499999999999998</v>
      </c>
      <c r="D147" s="94">
        <v>4.5022869933730218E-2</v>
      </c>
      <c r="E147" s="131">
        <v>0.219</v>
      </c>
      <c r="F147" s="94">
        <v>4.0931481993077633E-2</v>
      </c>
      <c r="G147" s="131">
        <v>0.48199999999999998</v>
      </c>
      <c r="H147" s="94">
        <v>4.9235146172835427E-2</v>
      </c>
      <c r="I147" s="131">
        <v>3.0000000000000001E-3</v>
      </c>
      <c r="J147" s="94">
        <v>8.6820919892134901E-3</v>
      </c>
      <c r="K147" s="130">
        <v>405</v>
      </c>
      <c r="L147" s="131">
        <v>0.47299999999999998</v>
      </c>
      <c r="M147" s="94">
        <v>4.9376076826284879E-2</v>
      </c>
      <c r="N147" s="131">
        <v>0.17399999999999999</v>
      </c>
      <c r="O147" s="94">
        <v>3.776035399560447E-2</v>
      </c>
      <c r="P147" s="131">
        <v>0.26500000000000001</v>
      </c>
      <c r="Q147" s="94">
        <v>4.3765312482758313E-2</v>
      </c>
      <c r="R147" s="131">
        <v>8.7999999999999995E-2</v>
      </c>
      <c r="S147" s="94">
        <v>2.858692238826914E-2</v>
      </c>
    </row>
    <row r="148" spans="1:33">
      <c r="A148" s="49" t="s">
        <v>441</v>
      </c>
      <c r="B148" s="132">
        <v>280</v>
      </c>
      <c r="C148" s="133">
        <v>0.41399999999999998</v>
      </c>
      <c r="D148" s="97">
        <v>5.8479666727407772E-2</v>
      </c>
      <c r="E148" s="133">
        <v>0.17</v>
      </c>
      <c r="F148" s="97">
        <v>4.5058022495761463E-2</v>
      </c>
      <c r="G148" s="133">
        <v>0.41599999999999998</v>
      </c>
      <c r="H148" s="97">
        <v>5.8519451544162812E-2</v>
      </c>
      <c r="I148" s="133">
        <v>0</v>
      </c>
      <c r="J148" s="97">
        <v>9.9241206986027605E-3</v>
      </c>
      <c r="K148" s="132">
        <v>278</v>
      </c>
      <c r="L148" s="133">
        <v>0.59199999999999997</v>
      </c>
      <c r="M148" s="97">
        <v>5.8561286384585479E-2</v>
      </c>
      <c r="N148" s="133">
        <v>0.155</v>
      </c>
      <c r="O148" s="97">
        <v>4.3650391898207408E-2</v>
      </c>
      <c r="P148" s="133">
        <v>0.17699999999999999</v>
      </c>
      <c r="Q148" s="97">
        <v>4.591229647998088E-2</v>
      </c>
      <c r="R148" s="133">
        <v>7.5999999999999998E-2</v>
      </c>
      <c r="S148" s="97">
        <v>3.2678936316715278E-2</v>
      </c>
      <c r="T148" s="248"/>
      <c r="U148" s="248"/>
      <c r="V148" s="248"/>
      <c r="W148" s="248"/>
      <c r="X148" s="248"/>
      <c r="Y148" s="248"/>
      <c r="Z148" s="248"/>
      <c r="AA148" s="248"/>
      <c r="AB148" s="248"/>
      <c r="AC148" s="248"/>
      <c r="AD148" s="248"/>
      <c r="AE148" s="248"/>
      <c r="AF148" s="248"/>
      <c r="AG148" s="248"/>
    </row>
    <row r="149" spans="1:33">
      <c r="A149" s="45" t="s">
        <v>442</v>
      </c>
      <c r="B149" s="130">
        <v>767</v>
      </c>
      <c r="C149" s="131">
        <v>0.307</v>
      </c>
      <c r="D149" s="94">
        <v>3.3253067931586951E-2</v>
      </c>
      <c r="E149" s="131">
        <v>0.24299999999999999</v>
      </c>
      <c r="F149" s="94">
        <v>3.0949903503517937E-2</v>
      </c>
      <c r="G149" s="131">
        <v>0.44900000000000001</v>
      </c>
      <c r="H149" s="94">
        <v>3.5828234004001515E-2</v>
      </c>
      <c r="I149" s="131">
        <v>2E-3</v>
      </c>
      <c r="J149" s="94">
        <v>4.865318472889458E-3</v>
      </c>
      <c r="K149" s="130">
        <v>761</v>
      </c>
      <c r="L149" s="131">
        <v>0.47599999999999998</v>
      </c>
      <c r="M149" s="94">
        <v>3.6113836559067206E-2</v>
      </c>
      <c r="N149" s="131">
        <v>0.155</v>
      </c>
      <c r="O149" s="94">
        <v>2.6293114161013025E-2</v>
      </c>
      <c r="P149" s="131">
        <v>0.27600000000000002</v>
      </c>
      <c r="Q149" s="94">
        <v>3.2366152297558189E-2</v>
      </c>
      <c r="R149" s="131">
        <v>9.4E-2</v>
      </c>
      <c r="S149" s="94">
        <v>2.1314117394872999E-2</v>
      </c>
      <c r="T149" s="248"/>
      <c r="U149" s="248"/>
      <c r="V149" s="248"/>
      <c r="W149" s="248"/>
      <c r="X149" s="248"/>
      <c r="Y149" s="248"/>
      <c r="Z149" s="248"/>
      <c r="AA149" s="248"/>
      <c r="AB149" s="248"/>
      <c r="AC149" s="248"/>
      <c r="AD149" s="248"/>
      <c r="AE149" s="248"/>
      <c r="AF149" s="248"/>
      <c r="AG149" s="248"/>
    </row>
    <row r="150" spans="1:33">
      <c r="A150" s="49" t="s">
        <v>443</v>
      </c>
      <c r="B150" s="132">
        <v>1010</v>
      </c>
      <c r="C150" s="133">
        <v>0.28100000000000003</v>
      </c>
      <c r="D150" s="97">
        <v>2.8257525516647706E-2</v>
      </c>
      <c r="E150" s="133">
        <v>0.23400000000000001</v>
      </c>
      <c r="F150" s="97">
        <v>2.6632211346904949E-2</v>
      </c>
      <c r="G150" s="133">
        <v>0.48199999999999998</v>
      </c>
      <c r="H150" s="97">
        <v>3.1383518782449375E-2</v>
      </c>
      <c r="I150" s="133">
        <v>3.0000000000000001E-3</v>
      </c>
      <c r="J150" s="97">
        <v>4.4126164776972093E-3</v>
      </c>
      <c r="K150" s="132">
        <v>1005</v>
      </c>
      <c r="L150" s="133">
        <v>0.51</v>
      </c>
      <c r="M150" s="97">
        <v>3.1475180417744789E-2</v>
      </c>
      <c r="N150" s="133">
        <v>0.15</v>
      </c>
      <c r="O150" s="97">
        <v>2.2567536212642188E-2</v>
      </c>
      <c r="P150" s="133">
        <v>0.23699999999999999</v>
      </c>
      <c r="Q150" s="97">
        <v>2.6814957381363184E-2</v>
      </c>
      <c r="R150" s="133">
        <v>0.104</v>
      </c>
      <c r="S150" s="97">
        <v>1.9347623088613663E-2</v>
      </c>
      <c r="T150" s="248"/>
      <c r="U150" s="248"/>
      <c r="V150" s="248"/>
      <c r="W150" s="248"/>
      <c r="X150" s="248"/>
      <c r="Y150" s="248"/>
      <c r="Z150" s="248"/>
      <c r="AA150" s="248"/>
      <c r="AB150" s="248"/>
      <c r="AC150" s="248"/>
      <c r="AD150" s="248"/>
      <c r="AE150" s="248"/>
      <c r="AF150" s="248"/>
      <c r="AG150" s="248"/>
    </row>
    <row r="151" spans="1:33">
      <c r="A151" s="45" t="s">
        <v>444</v>
      </c>
      <c r="B151" s="130">
        <v>281</v>
      </c>
      <c r="C151" s="131">
        <v>0.32</v>
      </c>
      <c r="D151" s="94">
        <v>5.5377884167921068E-2</v>
      </c>
      <c r="E151" s="131">
        <v>0.21099999999999999</v>
      </c>
      <c r="F151" s="94">
        <v>4.8674644409555226E-2</v>
      </c>
      <c r="G151" s="131">
        <v>0.46899999999999997</v>
      </c>
      <c r="H151" s="94">
        <v>5.9124108080482733E-2</v>
      </c>
      <c r="I151" s="131">
        <v>0</v>
      </c>
      <c r="J151" s="94">
        <v>9.8894222688490421E-3</v>
      </c>
      <c r="K151" s="130">
        <v>279</v>
      </c>
      <c r="L151" s="131">
        <v>0.55900000000000005</v>
      </c>
      <c r="M151" s="94">
        <v>5.9040227933968369E-2</v>
      </c>
      <c r="N151" s="131">
        <v>0.17100000000000001</v>
      </c>
      <c r="O151" s="94">
        <v>4.5239401212521679E-2</v>
      </c>
      <c r="P151" s="131">
        <v>0.19</v>
      </c>
      <c r="Q151" s="94">
        <v>4.7046688956820994E-2</v>
      </c>
      <c r="R151" s="131">
        <v>0.08</v>
      </c>
      <c r="S151" s="94">
        <v>3.3320656830864451E-2</v>
      </c>
      <c r="T151" s="248"/>
      <c r="U151" s="248"/>
      <c r="V151" s="248"/>
      <c r="W151" s="248"/>
      <c r="X151" s="248"/>
      <c r="Y151" s="248"/>
      <c r="Z151" s="248"/>
      <c r="AA151" s="248"/>
      <c r="AB151" s="248"/>
      <c r="AC151" s="248"/>
      <c r="AD151" s="248"/>
      <c r="AE151" s="248"/>
      <c r="AF151" s="248"/>
      <c r="AG151" s="248"/>
    </row>
    <row r="152" spans="1:33">
      <c r="A152" s="49" t="s">
        <v>445</v>
      </c>
      <c r="B152" s="132">
        <v>192</v>
      </c>
      <c r="C152" s="133">
        <v>0.30399999999999999</v>
      </c>
      <c r="D152" s="97">
        <v>6.5952363761386787E-2</v>
      </c>
      <c r="E152" s="133">
        <v>0.28499999999999998</v>
      </c>
      <c r="F152" s="97">
        <v>6.4782600696804971E-2</v>
      </c>
      <c r="G152" s="133">
        <v>0.40899999999999997</v>
      </c>
      <c r="H152" s="97">
        <v>7.028419728624348E-2</v>
      </c>
      <c r="I152" s="133">
        <v>2E-3</v>
      </c>
      <c r="J152" s="97">
        <v>1.5659202343184742E-2</v>
      </c>
      <c r="K152" s="132">
        <v>192</v>
      </c>
      <c r="L152" s="133">
        <v>0.48399999999999999</v>
      </c>
      <c r="M152" s="97">
        <v>7.1393468854286546E-2</v>
      </c>
      <c r="N152" s="133">
        <v>0.16200000000000001</v>
      </c>
      <c r="O152" s="97">
        <v>5.3523109364709047E-2</v>
      </c>
      <c r="P152" s="133">
        <v>0.30199999999999999</v>
      </c>
      <c r="Q152" s="97">
        <v>6.583526675226016E-2</v>
      </c>
      <c r="R152" s="133">
        <v>5.1999999999999998E-2</v>
      </c>
      <c r="S152" s="97">
        <v>3.4227452928083768E-2</v>
      </c>
      <c r="T152" s="248"/>
      <c r="U152" s="248"/>
      <c r="V152" s="248"/>
      <c r="W152" s="248"/>
      <c r="X152" s="248"/>
      <c r="Y152" s="248"/>
      <c r="Z152" s="248"/>
      <c r="AA152" s="248"/>
      <c r="AB152" s="248"/>
      <c r="AC152" s="248"/>
      <c r="AD152" s="248"/>
      <c r="AE152" s="248"/>
      <c r="AF152" s="248"/>
      <c r="AG152" s="248"/>
    </row>
    <row r="153" spans="1:33">
      <c r="A153" s="45" t="s">
        <v>446</v>
      </c>
      <c r="B153" s="130">
        <v>166</v>
      </c>
      <c r="C153" s="131">
        <v>0.35899999999999999</v>
      </c>
      <c r="D153" s="94">
        <v>7.3731399598747263E-2</v>
      </c>
      <c r="E153" s="131">
        <v>0.19500000000000001</v>
      </c>
      <c r="F153" s="94">
        <v>6.160617717857611E-2</v>
      </c>
      <c r="G153" s="131">
        <v>0.44400000000000001</v>
      </c>
      <c r="H153" s="94">
        <v>7.6236449561921826E-2</v>
      </c>
      <c r="I153" s="131">
        <v>2E-3</v>
      </c>
      <c r="J153" s="94">
        <v>1.7842100389408179E-2</v>
      </c>
      <c r="K153" s="130">
        <v>166</v>
      </c>
      <c r="L153" s="131">
        <v>0.55300000000000005</v>
      </c>
      <c r="M153" s="94">
        <v>7.6284549831856868E-2</v>
      </c>
      <c r="N153" s="131">
        <v>0.159</v>
      </c>
      <c r="O153" s="94">
        <v>5.7215109077030687E-2</v>
      </c>
      <c r="P153" s="131">
        <v>0.249</v>
      </c>
      <c r="Q153" s="94">
        <v>6.6849941439511451E-2</v>
      </c>
      <c r="R153" s="131">
        <v>3.7999999999999999E-2</v>
      </c>
      <c r="S153" s="94">
        <v>3.3071136817056673E-2</v>
      </c>
      <c r="T153" s="248"/>
      <c r="U153" s="248"/>
      <c r="V153" s="248"/>
      <c r="W153" s="248"/>
      <c r="X153" s="248"/>
      <c r="Y153" s="248"/>
      <c r="Z153" s="248"/>
      <c r="AA153" s="248"/>
      <c r="AB153" s="248"/>
      <c r="AC153" s="248"/>
      <c r="AD153" s="248"/>
      <c r="AE153" s="248"/>
      <c r="AF153" s="248"/>
      <c r="AG153" s="248"/>
    </row>
    <row r="154" spans="1:33">
      <c r="A154" s="49" t="s">
        <v>447</v>
      </c>
      <c r="B154" s="132">
        <v>79</v>
      </c>
      <c r="C154" s="133">
        <v>0.29199999999999998</v>
      </c>
      <c r="D154" s="97">
        <v>0.10079336887445581</v>
      </c>
      <c r="E154" s="133">
        <v>0.30199999999999999</v>
      </c>
      <c r="F154" s="97">
        <v>0.10166888041067298</v>
      </c>
      <c r="G154" s="133">
        <v>0.40500000000000003</v>
      </c>
      <c r="H154" s="97">
        <v>0.1079544568332427</v>
      </c>
      <c r="I154" s="133">
        <v>0</v>
      </c>
      <c r="J154" s="97">
        <v>3.3664360151118053E-2</v>
      </c>
      <c r="K154" s="132">
        <v>78</v>
      </c>
      <c r="L154" s="133">
        <v>0.67</v>
      </c>
      <c r="M154" s="97">
        <v>0.1044966433362165</v>
      </c>
      <c r="N154" s="133">
        <v>5.7000000000000002E-2</v>
      </c>
      <c r="O154" s="97">
        <v>5.9440588228650199E-2</v>
      </c>
      <c r="P154" s="133">
        <v>0.19800000000000001</v>
      </c>
      <c r="Q154" s="97">
        <v>9.0385874144309958E-2</v>
      </c>
      <c r="R154" s="133">
        <v>7.4999999999999997E-2</v>
      </c>
      <c r="S154" s="97">
        <v>6.4982979959758019E-2</v>
      </c>
      <c r="T154" s="248"/>
      <c r="U154" s="248"/>
      <c r="V154" s="248"/>
      <c r="W154" s="248"/>
      <c r="X154" s="248"/>
      <c r="Y154" s="248"/>
      <c r="Z154" s="248"/>
      <c r="AA154" s="248"/>
      <c r="AB154" s="248"/>
      <c r="AC154" s="248"/>
      <c r="AD154" s="248"/>
      <c r="AE154" s="248"/>
    </row>
    <row r="155" spans="1:33" s="248" customFormat="1">
      <c r="A155" s="241"/>
    </row>
    <row r="156" spans="1:33" ht="18.75">
      <c r="A156" s="343" t="s">
        <v>255</v>
      </c>
      <c r="B156" s="343"/>
      <c r="C156" s="343"/>
      <c r="D156" s="343"/>
      <c r="E156" s="343"/>
      <c r="F156" s="343"/>
      <c r="G156" s="343"/>
      <c r="H156" s="343"/>
      <c r="I156" s="343"/>
      <c r="J156" s="343"/>
      <c r="K156" s="343"/>
      <c r="L156" s="343"/>
      <c r="M156" s="343"/>
      <c r="N156" s="343"/>
      <c r="O156" s="343"/>
      <c r="P156" s="343"/>
      <c r="Q156" s="343"/>
      <c r="R156" s="343"/>
      <c r="S156" s="343"/>
      <c r="T156" s="343"/>
      <c r="U156" s="343"/>
      <c r="V156" s="343"/>
      <c r="W156" s="343"/>
      <c r="X156" s="226"/>
      <c r="Y156" s="226"/>
      <c r="Z156" s="226"/>
      <c r="AA156" s="226"/>
      <c r="AB156" s="226"/>
      <c r="AC156" s="226"/>
      <c r="AD156" s="248"/>
      <c r="AE156" s="248"/>
    </row>
    <row r="157" spans="1:33" ht="57.75" customHeight="1">
      <c r="A157" s="370" t="s">
        <v>487</v>
      </c>
      <c r="B157" s="370"/>
      <c r="C157" s="370"/>
      <c r="D157" s="370"/>
      <c r="E157" s="370"/>
      <c r="F157" s="370"/>
      <c r="G157" s="370"/>
      <c r="H157" s="370"/>
      <c r="I157" s="370"/>
      <c r="J157" s="370"/>
      <c r="K157" s="370"/>
      <c r="L157" s="370"/>
      <c r="M157" s="370"/>
      <c r="N157" s="370"/>
      <c r="O157" s="370"/>
      <c r="P157" s="370"/>
      <c r="Q157" s="370"/>
      <c r="R157" s="370"/>
      <c r="S157" s="370"/>
      <c r="T157" s="370"/>
      <c r="U157" s="370"/>
      <c r="V157" s="370"/>
      <c r="W157" s="370"/>
      <c r="X157" s="229"/>
      <c r="Y157" s="229"/>
      <c r="Z157" s="229"/>
      <c r="AA157" s="229"/>
      <c r="AB157" s="229"/>
      <c r="AC157" s="229"/>
      <c r="AD157" s="248"/>
      <c r="AE157" s="248"/>
    </row>
    <row r="158" spans="1:33" ht="41.25" customHeight="1">
      <c r="A158" s="64"/>
      <c r="B158" s="365" t="s">
        <v>256</v>
      </c>
      <c r="C158" s="366"/>
      <c r="D158" s="366"/>
      <c r="E158" s="366"/>
      <c r="F158" s="366"/>
      <c r="G158" s="366"/>
      <c r="H158" s="366"/>
      <c r="I158" s="366"/>
      <c r="J158" s="366"/>
      <c r="K158" s="366"/>
      <c r="L158" s="367"/>
      <c r="M158" s="368" t="s">
        <v>379</v>
      </c>
      <c r="N158" s="369"/>
      <c r="O158" s="369"/>
      <c r="P158" s="369"/>
      <c r="Q158" s="369"/>
      <c r="R158" s="369"/>
      <c r="S158" s="369"/>
      <c r="T158" s="369"/>
      <c r="U158" s="369"/>
      <c r="V158" s="369"/>
      <c r="W158" s="369"/>
      <c r="X158" s="248"/>
      <c r="Y158" s="248"/>
      <c r="Z158" s="248"/>
      <c r="AA158" s="248"/>
      <c r="AB158" s="248"/>
      <c r="AC158" s="248"/>
      <c r="AD158" s="248"/>
      <c r="AE158" s="248"/>
      <c r="AF158" s="248"/>
      <c r="AG158" s="248"/>
    </row>
    <row r="159" spans="1:33" ht="40.5" customHeight="1">
      <c r="A159" s="37" t="s">
        <v>85</v>
      </c>
      <c r="B159" s="38" t="s">
        <v>86</v>
      </c>
      <c r="C159" s="39" t="s">
        <v>87</v>
      </c>
      <c r="D159" s="40" t="s">
        <v>88</v>
      </c>
      <c r="E159" s="38" t="s">
        <v>257</v>
      </c>
      <c r="F159" s="89" t="s">
        <v>314</v>
      </c>
      <c r="G159" s="38" t="s">
        <v>258</v>
      </c>
      <c r="H159" s="89" t="s">
        <v>315</v>
      </c>
      <c r="I159" s="38" t="s">
        <v>259</v>
      </c>
      <c r="J159" s="89" t="s">
        <v>316</v>
      </c>
      <c r="K159" s="38" t="s">
        <v>353</v>
      </c>
      <c r="L159" s="89" t="s">
        <v>317</v>
      </c>
      <c r="M159" s="65" t="s">
        <v>86</v>
      </c>
      <c r="N159" s="66" t="s">
        <v>87</v>
      </c>
      <c r="O159" s="67" t="s">
        <v>88</v>
      </c>
      <c r="P159" s="65" t="s">
        <v>415</v>
      </c>
      <c r="Q159" s="88" t="s">
        <v>416</v>
      </c>
      <c r="R159" s="65" t="s">
        <v>411</v>
      </c>
      <c r="S159" s="88" t="s">
        <v>413</v>
      </c>
      <c r="T159" s="65" t="s">
        <v>417</v>
      </c>
      <c r="U159" s="88" t="s">
        <v>418</v>
      </c>
      <c r="V159" s="65" t="s">
        <v>353</v>
      </c>
      <c r="W159" s="88" t="s">
        <v>367</v>
      </c>
    </row>
    <row r="160" spans="1:33" ht="55.5" customHeight="1">
      <c r="A160" s="41"/>
      <c r="B160" s="42" t="s">
        <v>89</v>
      </c>
      <c r="C160" s="43" t="s">
        <v>356</v>
      </c>
      <c r="D160" s="44" t="s">
        <v>91</v>
      </c>
      <c r="E160" s="42" t="s">
        <v>181</v>
      </c>
      <c r="F160" s="91" t="s">
        <v>104</v>
      </c>
      <c r="G160" s="42" t="s">
        <v>182</v>
      </c>
      <c r="H160" s="91" t="s">
        <v>104</v>
      </c>
      <c r="I160" s="42" t="s">
        <v>183</v>
      </c>
      <c r="J160" s="91" t="s">
        <v>104</v>
      </c>
      <c r="K160" s="42" t="s">
        <v>353</v>
      </c>
      <c r="L160" s="91" t="s">
        <v>104</v>
      </c>
      <c r="M160" s="68" t="s">
        <v>89</v>
      </c>
      <c r="N160" s="69" t="s">
        <v>355</v>
      </c>
      <c r="O160" s="70" t="s">
        <v>91</v>
      </c>
      <c r="P160" s="68" t="s">
        <v>410</v>
      </c>
      <c r="Q160" s="90" t="s">
        <v>104</v>
      </c>
      <c r="R160" s="68" t="s">
        <v>412</v>
      </c>
      <c r="S160" s="90" t="s">
        <v>104</v>
      </c>
      <c r="T160" s="68" t="s">
        <v>181</v>
      </c>
      <c r="U160" s="90" t="s">
        <v>104</v>
      </c>
      <c r="V160" s="68" t="s">
        <v>353</v>
      </c>
      <c r="W160" s="90" t="s">
        <v>104</v>
      </c>
    </row>
    <row r="161" spans="1:23">
      <c r="A161" s="45" t="s">
        <v>424</v>
      </c>
      <c r="B161" s="130">
        <v>10986</v>
      </c>
      <c r="C161" s="84">
        <v>3.84</v>
      </c>
      <c r="D161" s="85">
        <v>3.9199999999999999E-2</v>
      </c>
      <c r="E161" s="131">
        <v>0.372</v>
      </c>
      <c r="F161" s="94">
        <v>9.2213291604924599E-3</v>
      </c>
      <c r="G161" s="131">
        <v>0.20100000000000001</v>
      </c>
      <c r="H161" s="94">
        <v>7.6469900762182247E-3</v>
      </c>
      <c r="I161" s="131">
        <v>0.33300000000000002</v>
      </c>
      <c r="J161" s="94">
        <v>8.9915802829965766E-3</v>
      </c>
      <c r="K161" s="131">
        <v>9.5000000000000001E-2</v>
      </c>
      <c r="L161" s="94">
        <v>5.5978150464278675E-3</v>
      </c>
      <c r="M161" s="130">
        <v>11034</v>
      </c>
      <c r="N161" s="84">
        <v>4.9800000000000004</v>
      </c>
      <c r="O161" s="85">
        <v>3.9199999999999999E-2</v>
      </c>
      <c r="P161" s="131">
        <v>0.38100000000000001</v>
      </c>
      <c r="Q161" s="94">
        <v>9.244896666070538E-3</v>
      </c>
      <c r="R161" s="131">
        <v>0.36</v>
      </c>
      <c r="S161" s="94">
        <v>9.1377531917335442E-3</v>
      </c>
      <c r="T161" s="131">
        <v>0.16499999999999998</v>
      </c>
      <c r="U161" s="94">
        <v>7.0680261106335265E-3</v>
      </c>
      <c r="V161" s="131">
        <v>9.4E-2</v>
      </c>
      <c r="W161" s="94">
        <v>5.5592623804324786E-3</v>
      </c>
    </row>
    <row r="162" spans="1:23">
      <c r="A162" s="49" t="s">
        <v>425</v>
      </c>
      <c r="B162" s="132">
        <v>8843</v>
      </c>
      <c r="C162" s="117">
        <v>3.5580334017750359</v>
      </c>
      <c r="D162" s="118">
        <v>3.5205747215694458E-2</v>
      </c>
      <c r="E162" s="133">
        <v>0.44755025397974407</v>
      </c>
      <c r="F162" s="97">
        <v>1.0573078565918758E-2</v>
      </c>
      <c r="G162" s="133">
        <v>0.19560055590521888</v>
      </c>
      <c r="H162" s="97">
        <v>8.4366199320657278E-3</v>
      </c>
      <c r="I162" s="133">
        <v>0.26601356653352071</v>
      </c>
      <c r="J162" s="97">
        <v>9.3968638004405108E-3</v>
      </c>
      <c r="K162" s="133">
        <v>9.0835623581516298E-2</v>
      </c>
      <c r="L162" s="97">
        <v>6.1161607456334324E-3</v>
      </c>
      <c r="M162" s="132">
        <v>8886</v>
      </c>
      <c r="N162" s="117">
        <v>5.1718082437059056</v>
      </c>
      <c r="O162" s="118">
        <v>3.4378517326994228E-2</v>
      </c>
      <c r="P162" s="133">
        <v>0.43629160755960167</v>
      </c>
      <c r="Q162" s="97">
        <v>1.0519570755543177E-2</v>
      </c>
      <c r="R162" s="133">
        <v>0.34573865969498879</v>
      </c>
      <c r="S162" s="97">
        <v>1.0089026621869638E-2</v>
      </c>
      <c r="T162" s="133">
        <v>0.13416039792602819</v>
      </c>
      <c r="U162" s="97">
        <v>7.233275132119691E-3</v>
      </c>
      <c r="V162" s="133">
        <v>8.3809334819381284E-2</v>
      </c>
      <c r="W162" s="97">
        <v>5.8838081707965027E-3</v>
      </c>
    </row>
    <row r="163" spans="1:23">
      <c r="A163" s="45" t="s">
        <v>426</v>
      </c>
      <c r="B163" s="83">
        <v>1980</v>
      </c>
      <c r="C163" s="84">
        <v>4.33</v>
      </c>
      <c r="D163" s="85">
        <v>7.8399999999999997E-2</v>
      </c>
      <c r="E163" s="131">
        <v>0.24279999999999999</v>
      </c>
      <c r="F163" s="94">
        <v>1.9266521627966812E-2</v>
      </c>
      <c r="G163" s="131">
        <v>0.20399999999999999</v>
      </c>
      <c r="H163" s="94">
        <v>1.8113493799576698E-2</v>
      </c>
      <c r="I163" s="131">
        <v>0.43930000000000002</v>
      </c>
      <c r="J163" s="94">
        <v>2.2285281552332042E-2</v>
      </c>
      <c r="K163" s="131">
        <v>0.1139</v>
      </c>
      <c r="L163" s="94">
        <v>1.430706497763082E-2</v>
      </c>
      <c r="M163" s="83">
        <v>1986</v>
      </c>
      <c r="N163" s="84">
        <v>4.63</v>
      </c>
      <c r="O163" s="85">
        <v>7.8399999999999997E-2</v>
      </c>
      <c r="P163" s="131">
        <v>0.2752</v>
      </c>
      <c r="Q163" s="94">
        <v>2.0033535289778068E-2</v>
      </c>
      <c r="R163" s="131">
        <v>0.39749999999999996</v>
      </c>
      <c r="S163" s="94">
        <v>2.1942636210911051E-2</v>
      </c>
      <c r="T163" s="131">
        <v>0.20550000000000002</v>
      </c>
      <c r="U163" s="94">
        <v>1.8135063563790521E-2</v>
      </c>
      <c r="V163" s="131">
        <v>0.12189999999999999</v>
      </c>
      <c r="W163" s="94">
        <v>1.4707501548837085E-2</v>
      </c>
    </row>
    <row r="164" spans="1:23">
      <c r="A164" s="49" t="s">
        <v>427</v>
      </c>
      <c r="B164" s="132">
        <v>8479</v>
      </c>
      <c r="C164" s="117">
        <v>3.8</v>
      </c>
      <c r="D164" s="118">
        <v>0</v>
      </c>
      <c r="E164" s="133">
        <v>0.372</v>
      </c>
      <c r="F164" s="97">
        <v>1.0495929671309806E-2</v>
      </c>
      <c r="G164" s="133">
        <v>0.20100000000000001</v>
      </c>
      <c r="H164" s="97">
        <v>8.7044356904492203E-3</v>
      </c>
      <c r="I164" s="133">
        <v>0.33300000000000002</v>
      </c>
      <c r="J164" s="97">
        <v>1.023448518298168E-2</v>
      </c>
      <c r="K164" s="133">
        <v>9.5000000000000001E-2</v>
      </c>
      <c r="L164" s="97">
        <v>6.3728192627356406E-3</v>
      </c>
      <c r="M164" s="132">
        <v>8518</v>
      </c>
      <c r="N164" s="117">
        <v>5</v>
      </c>
      <c r="O164" s="118">
        <v>0</v>
      </c>
      <c r="P164" s="133">
        <v>7.2999999999999995E-2</v>
      </c>
      <c r="Q164" s="97">
        <v>5.642985547670158E-3</v>
      </c>
      <c r="R164" s="133">
        <v>0.254</v>
      </c>
      <c r="S164" s="97">
        <v>9.4321474353224206E-3</v>
      </c>
      <c r="T164" s="133">
        <v>0.57800000000000007</v>
      </c>
      <c r="U164" s="97">
        <v>1.0700016778878923E-2</v>
      </c>
      <c r="V164" s="133">
        <v>9.4E-2</v>
      </c>
      <c r="W164" s="97">
        <v>6.3282168528651919E-3</v>
      </c>
    </row>
    <row r="165" spans="1:23">
      <c r="A165" s="45" t="s">
        <v>428</v>
      </c>
      <c r="B165" s="83">
        <v>2509</v>
      </c>
      <c r="C165" s="84">
        <v>3.9</v>
      </c>
      <c r="D165" s="85">
        <v>0</v>
      </c>
      <c r="E165" s="131">
        <v>0.373</v>
      </c>
      <c r="F165" s="94">
        <v>1.9296101222368623E-2</v>
      </c>
      <c r="G165" s="131">
        <v>0.19400000000000001</v>
      </c>
      <c r="H165" s="94">
        <v>1.5791208720595886E-2</v>
      </c>
      <c r="I165" s="131">
        <v>0.35599999999999998</v>
      </c>
      <c r="J165" s="94">
        <v>1.9105752541722445E-2</v>
      </c>
      <c r="K165" s="131">
        <v>7.6999999999999999E-2</v>
      </c>
      <c r="L165" s="94">
        <v>1.0678543406454582E-2</v>
      </c>
      <c r="M165" s="83">
        <v>2518</v>
      </c>
      <c r="N165" s="84">
        <v>4.8</v>
      </c>
      <c r="O165" s="85">
        <v>0</v>
      </c>
      <c r="P165" s="131">
        <v>0.10299999999999999</v>
      </c>
      <c r="Q165" s="94">
        <v>1.2137890861663848E-2</v>
      </c>
      <c r="R165" s="131">
        <v>0.28199999999999997</v>
      </c>
      <c r="S165" s="94">
        <v>1.7926921468086776E-2</v>
      </c>
      <c r="T165" s="131">
        <v>0.55400000000000005</v>
      </c>
      <c r="U165" s="94">
        <v>1.9796476046617998E-2</v>
      </c>
      <c r="V165" s="131">
        <v>6.0999999999999999E-2</v>
      </c>
      <c r="W165" s="94">
        <v>9.5820545595880022E-3</v>
      </c>
    </row>
    <row r="166" spans="1:23">
      <c r="A166" s="49" t="s">
        <v>429</v>
      </c>
      <c r="B166" s="132">
        <v>620</v>
      </c>
      <c r="C166" s="117">
        <v>4.0999999999999996</v>
      </c>
      <c r="D166" s="118">
        <v>0.19600000000000001</v>
      </c>
      <c r="E166" s="133">
        <v>0.34799999999999998</v>
      </c>
      <c r="F166" s="97">
        <v>3.8162209101984028E-2</v>
      </c>
      <c r="G166" s="133">
        <v>0.16300000000000001</v>
      </c>
      <c r="H166" s="97">
        <v>2.9729803111195999E-2</v>
      </c>
      <c r="I166" s="133">
        <v>0.41299999999999998</v>
      </c>
      <c r="J166" s="97">
        <v>3.9429239397843957E-2</v>
      </c>
      <c r="K166" s="133">
        <v>7.5999999999999998E-2</v>
      </c>
      <c r="L166" s="97">
        <v>2.1561098823680874E-2</v>
      </c>
      <c r="M166" s="132">
        <v>621</v>
      </c>
      <c r="N166" s="117">
        <v>4.8</v>
      </c>
      <c r="O166" s="118">
        <v>0.19600000000000001</v>
      </c>
      <c r="P166" s="133">
        <v>9.5000000000000001E-2</v>
      </c>
      <c r="Q166" s="97">
        <v>2.3740975755650821E-2</v>
      </c>
      <c r="R166" s="133">
        <v>0.29600000000000004</v>
      </c>
      <c r="S166" s="97">
        <v>3.6565774616918706E-2</v>
      </c>
      <c r="T166" s="133">
        <v>0.55200000000000005</v>
      </c>
      <c r="U166" s="97">
        <v>3.9785866873082255E-2</v>
      </c>
      <c r="V166" s="133">
        <v>5.7000000000000002E-2</v>
      </c>
      <c r="W166" s="97">
        <v>1.8974500588477789E-2</v>
      </c>
    </row>
    <row r="167" spans="1:23">
      <c r="A167" s="45" t="s">
        <v>430</v>
      </c>
      <c r="B167" s="83">
        <v>1582</v>
      </c>
      <c r="C167" s="84">
        <v>3.8</v>
      </c>
      <c r="D167" s="85">
        <v>0</v>
      </c>
      <c r="E167" s="131">
        <v>0.38700000000000001</v>
      </c>
      <c r="F167" s="94">
        <v>2.4463748167649055E-2</v>
      </c>
      <c r="G167" s="131">
        <v>0.20899999999999999</v>
      </c>
      <c r="H167" s="94">
        <v>2.0445578972231364E-2</v>
      </c>
      <c r="I167" s="131">
        <v>0.32900000000000001</v>
      </c>
      <c r="J167" s="94">
        <v>2.3603829256816134E-2</v>
      </c>
      <c r="K167" s="131">
        <v>7.4999999999999997E-2</v>
      </c>
      <c r="L167" s="94">
        <v>1.3314031148012041E-2</v>
      </c>
      <c r="M167" s="83">
        <v>1589</v>
      </c>
      <c r="N167" s="84">
        <v>4.8</v>
      </c>
      <c r="O167" s="85">
        <v>0</v>
      </c>
      <c r="P167" s="131">
        <v>0.108</v>
      </c>
      <c r="Q167" s="94">
        <v>1.5615171796580549E-2</v>
      </c>
      <c r="R167" s="131">
        <v>0.28099999999999997</v>
      </c>
      <c r="S167" s="94">
        <v>2.2537103750826858E-2</v>
      </c>
      <c r="T167" s="131">
        <v>0.55200000000000005</v>
      </c>
      <c r="U167" s="94">
        <v>2.4919685800424585E-2</v>
      </c>
      <c r="V167" s="131">
        <v>5.8999999999999997E-2</v>
      </c>
      <c r="W167" s="94">
        <v>1.1910363247100429E-2</v>
      </c>
    </row>
    <row r="168" spans="1:23">
      <c r="A168" s="49" t="s">
        <v>431</v>
      </c>
      <c r="B168" s="132">
        <v>240</v>
      </c>
      <c r="C168" s="117">
        <v>4.2</v>
      </c>
      <c r="D168" s="118">
        <v>0.19600000000000001</v>
      </c>
      <c r="E168" s="133">
        <v>0.28199999999999997</v>
      </c>
      <c r="F168" s="97">
        <v>5.7832629070688445E-2</v>
      </c>
      <c r="G168" s="133">
        <v>0.25600000000000001</v>
      </c>
      <c r="H168" s="97">
        <v>5.6161360032105152E-2</v>
      </c>
      <c r="I168" s="133">
        <v>0.40699999999999997</v>
      </c>
      <c r="J168" s="97">
        <v>6.2937940992034244E-2</v>
      </c>
      <c r="K168" s="133">
        <v>5.5E-2</v>
      </c>
      <c r="L168" s="97">
        <v>3.094532585534733E-2</v>
      </c>
      <c r="M168" s="132">
        <v>240</v>
      </c>
      <c r="N168" s="117">
        <v>4.7</v>
      </c>
      <c r="O168" s="118">
        <v>0.19600000000000001</v>
      </c>
      <c r="P168" s="133">
        <v>7.4999999999999997E-2</v>
      </c>
      <c r="Q168" s="97">
        <v>3.5122406348195738E-2</v>
      </c>
      <c r="R168" s="133">
        <v>0.35799999999999998</v>
      </c>
      <c r="S168" s="97">
        <v>6.1469930777963366E-2</v>
      </c>
      <c r="T168" s="133">
        <v>0.51900000000000002</v>
      </c>
      <c r="U168" s="97">
        <v>6.3973706054684637E-2</v>
      </c>
      <c r="V168" s="133">
        <v>4.8000000000000001E-2</v>
      </c>
      <c r="W168" s="97">
        <v>2.9292080878223613E-2</v>
      </c>
    </row>
    <row r="169" spans="1:23">
      <c r="A169" s="45" t="s">
        <v>432</v>
      </c>
      <c r="B169" s="83">
        <v>555</v>
      </c>
      <c r="C169" s="84">
        <v>3.9</v>
      </c>
      <c r="D169" s="85">
        <v>0.19600000000000001</v>
      </c>
      <c r="E169" s="131">
        <v>0.374</v>
      </c>
      <c r="F169" s="94">
        <v>4.0950285564662826E-2</v>
      </c>
      <c r="G169" s="131">
        <v>0.16400000000000001</v>
      </c>
      <c r="H169" s="94">
        <v>3.1505334133979664E-2</v>
      </c>
      <c r="I169" s="131">
        <v>0.40600000000000003</v>
      </c>
      <c r="J169" s="94">
        <v>4.1552174410327214E-2</v>
      </c>
      <c r="K169" s="131">
        <v>5.6000000000000001E-2</v>
      </c>
      <c r="L169" s="94">
        <v>1.9959739902172514E-2</v>
      </c>
      <c r="M169" s="83">
        <v>556</v>
      </c>
      <c r="N169" s="84">
        <v>4.9000000000000004</v>
      </c>
      <c r="O169" s="85">
        <v>0.19600000000000001</v>
      </c>
      <c r="P169" s="131">
        <v>9.6000000000000002E-2</v>
      </c>
      <c r="Q169" s="94">
        <v>2.5228573624240087E-2</v>
      </c>
      <c r="R169" s="131">
        <v>0.27300000000000002</v>
      </c>
      <c r="S169" s="94">
        <v>3.7721204678991926E-2</v>
      </c>
      <c r="T169" s="131">
        <v>0.59000000000000008</v>
      </c>
      <c r="U169" s="94">
        <v>4.1577406383447542E-2</v>
      </c>
      <c r="V169" s="131">
        <v>0.04</v>
      </c>
      <c r="W169" s="94">
        <v>1.7198849883576062E-2</v>
      </c>
    </row>
    <row r="170" spans="1:23">
      <c r="A170" s="49" t="s">
        <v>433</v>
      </c>
      <c r="B170" s="132">
        <v>717</v>
      </c>
      <c r="C170" s="117">
        <v>3.8</v>
      </c>
      <c r="D170" s="118">
        <v>0.19600000000000001</v>
      </c>
      <c r="E170" s="133">
        <v>0.39900000000000002</v>
      </c>
      <c r="F170" s="97">
        <v>3.6482806032660707E-2</v>
      </c>
      <c r="G170" s="133">
        <v>0.20399999999999999</v>
      </c>
      <c r="H170" s="97">
        <v>3.0104161676917429E-2</v>
      </c>
      <c r="I170" s="133">
        <v>0.317</v>
      </c>
      <c r="J170" s="97">
        <v>3.4687553529314651E-2</v>
      </c>
      <c r="K170" s="133">
        <v>0.08</v>
      </c>
      <c r="L170" s="97">
        <v>2.0473161918747245E-2</v>
      </c>
      <c r="M170" s="132">
        <v>723</v>
      </c>
      <c r="N170" s="117">
        <v>4.7</v>
      </c>
      <c r="O170" s="118">
        <v>0.19600000000000001</v>
      </c>
      <c r="P170" s="133">
        <v>0.114</v>
      </c>
      <c r="Q170" s="97">
        <v>2.3763977029941562E-2</v>
      </c>
      <c r="R170" s="133">
        <v>0.29100000000000004</v>
      </c>
      <c r="S170" s="97">
        <v>3.3731552004090636E-2</v>
      </c>
      <c r="T170" s="133">
        <v>0.53899999999999992</v>
      </c>
      <c r="U170" s="97">
        <v>3.6976195266759271E-2</v>
      </c>
      <c r="V170" s="133">
        <v>5.6000000000000001E-2</v>
      </c>
      <c r="W170" s="97">
        <v>1.7400112515568337E-2</v>
      </c>
    </row>
    <row r="171" spans="1:23">
      <c r="A171" s="45" t="s">
        <v>434</v>
      </c>
      <c r="B171" s="130">
        <v>977</v>
      </c>
      <c r="C171" s="114">
        <v>3.8</v>
      </c>
      <c r="D171" s="115">
        <v>0.19600000000000001</v>
      </c>
      <c r="E171" s="131">
        <v>0.40100000000000002</v>
      </c>
      <c r="F171" s="94">
        <v>3.1300637743745252E-2</v>
      </c>
      <c r="G171" s="131">
        <v>0.182</v>
      </c>
      <c r="H171" s="94">
        <v>2.4706140766645967E-2</v>
      </c>
      <c r="I171" s="131">
        <v>0.30399999999999999</v>
      </c>
      <c r="J171" s="94">
        <v>2.9393921416334678E-2</v>
      </c>
      <c r="K171" s="131">
        <v>0.113</v>
      </c>
      <c r="L171" s="94">
        <v>2.0338608407043445E-2</v>
      </c>
      <c r="M171" s="130">
        <v>977</v>
      </c>
      <c r="N171" s="114">
        <v>4.8</v>
      </c>
      <c r="O171" s="115">
        <v>0.19600000000000001</v>
      </c>
      <c r="P171" s="131">
        <v>0.11899999999999999</v>
      </c>
      <c r="Q171" s="94">
        <v>2.0791706807656646E-2</v>
      </c>
      <c r="R171" s="131">
        <v>0.23399999999999999</v>
      </c>
      <c r="S171" s="94">
        <v>2.7077856926594184E-2</v>
      </c>
      <c r="T171" s="131">
        <v>0.55000000000000004</v>
      </c>
      <c r="U171" s="94">
        <v>3.1768809724901148E-2</v>
      </c>
      <c r="V171" s="131">
        <v>9.7000000000000003E-2</v>
      </c>
      <c r="W171" s="94">
        <v>1.9040461891618954E-2</v>
      </c>
    </row>
    <row r="172" spans="1:23">
      <c r="A172" s="49" t="s">
        <v>435</v>
      </c>
      <c r="B172" s="132">
        <v>738</v>
      </c>
      <c r="C172" s="117">
        <v>3.9</v>
      </c>
      <c r="D172" s="118">
        <v>0.19600000000000001</v>
      </c>
      <c r="E172" s="133">
        <v>0.36299999999999999</v>
      </c>
      <c r="F172" s="97">
        <v>3.5321611760336498E-2</v>
      </c>
      <c r="G172" s="133">
        <v>0.21099999999999999</v>
      </c>
      <c r="H172" s="97">
        <v>3.0038346448836555E-2</v>
      </c>
      <c r="I172" s="133">
        <v>0.34200000000000003</v>
      </c>
      <c r="J172" s="97">
        <v>3.4850812437196586E-2</v>
      </c>
      <c r="K172" s="133">
        <v>8.4000000000000005E-2</v>
      </c>
      <c r="L172" s="97">
        <v>2.0611252740711843E-2</v>
      </c>
      <c r="M172" s="132">
        <v>740</v>
      </c>
      <c r="N172" s="117">
        <v>4.7</v>
      </c>
      <c r="O172" s="118">
        <v>0.19600000000000001</v>
      </c>
      <c r="P172" s="133">
        <v>0.113</v>
      </c>
      <c r="Q172" s="97">
        <v>2.3398958054018513E-2</v>
      </c>
      <c r="R172" s="133">
        <v>0.30000000000000004</v>
      </c>
      <c r="S172" s="97">
        <v>3.3635374949265863E-2</v>
      </c>
      <c r="T172" s="133">
        <v>0.52300000000000002</v>
      </c>
      <c r="U172" s="97">
        <v>3.6623386446988662E-2</v>
      </c>
      <c r="V172" s="133">
        <v>6.4000000000000001E-2</v>
      </c>
      <c r="W172" s="97">
        <v>1.8248957588652952E-2</v>
      </c>
    </row>
    <row r="173" spans="1:23">
      <c r="A173" s="45" t="s">
        <v>436</v>
      </c>
      <c r="B173" s="83">
        <v>134</v>
      </c>
      <c r="C173" s="84">
        <v>3.9</v>
      </c>
      <c r="D173" s="85">
        <v>0.19600000000000001</v>
      </c>
      <c r="E173" s="131">
        <v>0.33900000000000002</v>
      </c>
      <c r="F173" s="94">
        <v>8.0857700894106779E-2</v>
      </c>
      <c r="G173" s="131">
        <v>0.26200000000000001</v>
      </c>
      <c r="H173" s="94">
        <v>7.5487232847551752E-2</v>
      </c>
      <c r="I173" s="131">
        <v>0.28699999999999998</v>
      </c>
      <c r="J173" s="94">
        <v>7.7501373480910851E-2</v>
      </c>
      <c r="K173" s="131">
        <v>0.112</v>
      </c>
      <c r="L173" s="94">
        <v>5.596497543803592E-2</v>
      </c>
      <c r="M173" s="83">
        <v>134</v>
      </c>
      <c r="N173" s="84">
        <v>4.5</v>
      </c>
      <c r="O173" s="85">
        <v>0.19600000000000001</v>
      </c>
      <c r="P173" s="131">
        <v>6.0999999999999999E-2</v>
      </c>
      <c r="Q173" s="94">
        <v>4.4490453455701566E-2</v>
      </c>
      <c r="R173" s="131">
        <v>0.38800000000000001</v>
      </c>
      <c r="S173" s="94">
        <v>8.3087634798026763E-2</v>
      </c>
      <c r="T173" s="131">
        <v>0.44499999999999995</v>
      </c>
      <c r="U173" s="94">
        <v>8.4638672908824139E-2</v>
      </c>
      <c r="V173" s="131">
        <v>0.105</v>
      </c>
      <c r="W173" s="94">
        <v>5.4610303648991582E-2</v>
      </c>
    </row>
    <row r="174" spans="1:23">
      <c r="A174" s="49" t="s">
        <v>437</v>
      </c>
      <c r="B174" s="132">
        <v>154</v>
      </c>
      <c r="C174" s="117">
        <v>3.9</v>
      </c>
      <c r="D174" s="118">
        <v>0.19600000000000001</v>
      </c>
      <c r="E174" s="133">
        <v>0.38300000000000001</v>
      </c>
      <c r="F174" s="97">
        <v>7.745890545103766E-2</v>
      </c>
      <c r="G174" s="133">
        <v>0.16200000000000001</v>
      </c>
      <c r="H174" s="97">
        <v>5.9845219076626315E-2</v>
      </c>
      <c r="I174" s="133">
        <v>0.36399999999999999</v>
      </c>
      <c r="J174" s="97">
        <v>7.6708993386004926E-2</v>
      </c>
      <c r="K174" s="133">
        <v>9.1999999999999998E-2</v>
      </c>
      <c r="L174" s="97">
        <v>4.8223600075505156E-2</v>
      </c>
      <c r="M174" s="132">
        <v>155</v>
      </c>
      <c r="N174" s="117">
        <v>4.9000000000000004</v>
      </c>
      <c r="O174" s="118">
        <v>0.19600000000000001</v>
      </c>
      <c r="P174" s="133">
        <v>7.9000000000000001E-2</v>
      </c>
      <c r="Q174" s="97">
        <v>4.5298343716554883E-2</v>
      </c>
      <c r="R174" s="133">
        <v>0.25700000000000001</v>
      </c>
      <c r="S174" s="97">
        <v>6.9839825289826241E-2</v>
      </c>
      <c r="T174" s="133">
        <v>0.58099999999999996</v>
      </c>
      <c r="U174" s="97">
        <v>7.8309972832554267E-2</v>
      </c>
      <c r="V174" s="133">
        <v>8.3000000000000004E-2</v>
      </c>
      <c r="W174" s="97">
        <v>4.6174424596137548E-2</v>
      </c>
    </row>
    <row r="175" spans="1:23">
      <c r="A175" s="45" t="s">
        <v>438</v>
      </c>
      <c r="B175" s="130">
        <v>255</v>
      </c>
      <c r="C175" s="114">
        <v>4.0999999999999996</v>
      </c>
      <c r="D175" s="115">
        <v>0.19600000000000001</v>
      </c>
      <c r="E175" s="131">
        <v>0.35</v>
      </c>
      <c r="F175" s="94">
        <v>5.9364668983595381E-2</v>
      </c>
      <c r="G175" s="131">
        <v>0.13600000000000001</v>
      </c>
      <c r="H175" s="94">
        <v>4.3329560101003431E-2</v>
      </c>
      <c r="I175" s="131">
        <v>0.45200000000000001</v>
      </c>
      <c r="J175" s="94">
        <v>6.185880253776925E-2</v>
      </c>
      <c r="K175" s="131">
        <v>6.2E-2</v>
      </c>
      <c r="L175" s="94">
        <v>3.1447922318374587E-2</v>
      </c>
      <c r="M175" s="130">
        <v>258</v>
      </c>
      <c r="N175" s="114">
        <v>4.9000000000000004</v>
      </c>
      <c r="O175" s="115">
        <v>0.19600000000000001</v>
      </c>
      <c r="P175" s="131">
        <v>0.10299999999999999</v>
      </c>
      <c r="Q175" s="94">
        <v>3.8515735258870046E-2</v>
      </c>
      <c r="R175" s="131">
        <v>0.27500000000000002</v>
      </c>
      <c r="S175" s="94">
        <v>5.5383327818306231E-2</v>
      </c>
      <c r="T175" s="131">
        <v>0.57200000000000006</v>
      </c>
      <c r="U175" s="94">
        <v>6.1155924076877713E-2</v>
      </c>
      <c r="V175" s="131">
        <v>4.9000000000000002E-2</v>
      </c>
      <c r="W175" s="94">
        <v>2.8381885282818479E-2</v>
      </c>
    </row>
    <row r="176" spans="1:23">
      <c r="A176" s="49" t="s">
        <v>439</v>
      </c>
      <c r="B176" s="132">
        <v>403</v>
      </c>
      <c r="C176" s="117">
        <v>4</v>
      </c>
      <c r="D176" s="118">
        <v>0.19600000000000001</v>
      </c>
      <c r="E176" s="133">
        <v>0.34499999999999997</v>
      </c>
      <c r="F176" s="97">
        <v>4.7175235591347675E-2</v>
      </c>
      <c r="G176" s="133">
        <v>0.214</v>
      </c>
      <c r="H176" s="97">
        <v>4.0851367568298033E-2</v>
      </c>
      <c r="I176" s="133">
        <v>0.38700000000000001</v>
      </c>
      <c r="J176" s="97">
        <v>4.8311108327324423E-2</v>
      </c>
      <c r="K176" s="133">
        <v>5.3999999999999999E-2</v>
      </c>
      <c r="L176" s="97">
        <v>2.3244176265427734E-2</v>
      </c>
      <c r="M176" s="132">
        <v>407</v>
      </c>
      <c r="N176" s="117">
        <v>4.5999999999999996</v>
      </c>
      <c r="O176" s="118">
        <v>0.19600000000000001</v>
      </c>
      <c r="P176" s="133">
        <v>0.11700000000000001</v>
      </c>
      <c r="Q176" s="97">
        <v>3.2142076043053955E-2</v>
      </c>
      <c r="R176" s="133">
        <v>0.31899999999999995</v>
      </c>
      <c r="S176" s="97">
        <v>4.6048063392879139E-2</v>
      </c>
      <c r="T176" s="133">
        <v>0.52899999999999991</v>
      </c>
      <c r="U176" s="97">
        <v>4.9244935285780223E-2</v>
      </c>
      <c r="V176" s="133">
        <v>3.5999999999999997E-2</v>
      </c>
      <c r="W176" s="97">
        <v>1.9450926162912396E-2</v>
      </c>
    </row>
    <row r="177" spans="1:23">
      <c r="A177" s="45" t="s">
        <v>440</v>
      </c>
      <c r="B177" s="130">
        <v>409</v>
      </c>
      <c r="C177" s="114">
        <v>4</v>
      </c>
      <c r="D177" s="115">
        <v>0.19600000000000001</v>
      </c>
      <c r="E177" s="131">
        <v>0.33800000000000002</v>
      </c>
      <c r="F177" s="94">
        <v>4.6605021767444625E-2</v>
      </c>
      <c r="G177" s="131">
        <v>0.20699999999999999</v>
      </c>
      <c r="H177" s="94">
        <v>4.0073284159971308E-2</v>
      </c>
      <c r="I177" s="131">
        <v>0.36199999999999999</v>
      </c>
      <c r="J177" s="94">
        <v>4.7333048479798738E-2</v>
      </c>
      <c r="K177" s="131">
        <v>9.1999999999999998E-2</v>
      </c>
      <c r="L177" s="94">
        <v>2.8985237843406415E-2</v>
      </c>
      <c r="M177" s="130">
        <v>408</v>
      </c>
      <c r="N177" s="114">
        <v>4.8</v>
      </c>
      <c r="O177" s="115">
        <v>0.19600000000000001</v>
      </c>
      <c r="P177" s="131">
        <v>0.115</v>
      </c>
      <c r="Q177" s="94">
        <v>3.1873412195281468E-2</v>
      </c>
      <c r="R177" s="131">
        <v>0.23099999999999998</v>
      </c>
      <c r="S177" s="94">
        <v>4.1692034027946467E-2</v>
      </c>
      <c r="T177" s="131">
        <v>0.57999999999999996</v>
      </c>
      <c r="U177" s="94">
        <v>4.8644107654950274E-2</v>
      </c>
      <c r="V177" s="131">
        <v>7.3999999999999996E-2</v>
      </c>
      <c r="W177" s="94">
        <v>2.6444795030241337E-2</v>
      </c>
    </row>
    <row r="178" spans="1:23">
      <c r="A178" s="49" t="s">
        <v>441</v>
      </c>
      <c r="B178" s="132">
        <v>283</v>
      </c>
      <c r="C178" s="117">
        <v>3.3</v>
      </c>
      <c r="D178" s="118">
        <v>0.19600000000000001</v>
      </c>
      <c r="E178" s="133">
        <v>0.52</v>
      </c>
      <c r="F178" s="97">
        <v>5.8982200365477251E-2</v>
      </c>
      <c r="G178" s="133">
        <v>0.16500000000000001</v>
      </c>
      <c r="H178" s="97">
        <v>4.4311445031057412E-2</v>
      </c>
      <c r="I178" s="133">
        <v>0.25600000000000001</v>
      </c>
      <c r="J178" s="97">
        <v>5.1744746785906959E-2</v>
      </c>
      <c r="K178" s="133">
        <v>5.8999999999999997E-2</v>
      </c>
      <c r="L178" s="97">
        <v>2.9134386608082621E-2</v>
      </c>
      <c r="M178" s="132">
        <v>283</v>
      </c>
      <c r="N178" s="117">
        <v>5.3</v>
      </c>
      <c r="O178" s="118">
        <v>0.19600000000000001</v>
      </c>
      <c r="P178" s="133">
        <v>7.0999999999999994E-2</v>
      </c>
      <c r="Q178" s="97">
        <v>3.1468874761748755E-2</v>
      </c>
      <c r="R178" s="133">
        <v>0.20500000000000002</v>
      </c>
      <c r="S178" s="97">
        <v>4.8010434341229064E-2</v>
      </c>
      <c r="T178" s="133">
        <v>0.66500000000000004</v>
      </c>
      <c r="U178" s="97">
        <v>5.5815599410578731E-2</v>
      </c>
      <c r="V178" s="133">
        <v>0.06</v>
      </c>
      <c r="W178" s="97">
        <v>2.933856419640599E-2</v>
      </c>
    </row>
    <row r="179" spans="1:23">
      <c r="A179" s="45" t="s">
        <v>442</v>
      </c>
      <c r="B179" s="130">
        <v>766</v>
      </c>
      <c r="C179" s="114">
        <v>4</v>
      </c>
      <c r="D179" s="115">
        <v>0.19600000000000001</v>
      </c>
      <c r="E179" s="131">
        <v>0.35699999999999998</v>
      </c>
      <c r="F179" s="94">
        <v>3.4548133582840319E-2</v>
      </c>
      <c r="G179" s="131">
        <v>0.17699999999999999</v>
      </c>
      <c r="H179" s="94">
        <v>2.7610662559239642E-2</v>
      </c>
      <c r="I179" s="131">
        <v>0.377</v>
      </c>
      <c r="J179" s="94">
        <v>3.4941715934371516E-2</v>
      </c>
      <c r="K179" s="131">
        <v>8.8999999999999996E-2</v>
      </c>
      <c r="L179" s="94">
        <v>2.0743262385945687E-2</v>
      </c>
      <c r="M179" s="130">
        <v>770</v>
      </c>
      <c r="N179" s="114">
        <v>4.5999999999999996</v>
      </c>
      <c r="O179" s="115">
        <v>0.19600000000000001</v>
      </c>
      <c r="P179" s="131">
        <v>0.32800000000000001</v>
      </c>
      <c r="Q179" s="94">
        <v>3.3773909142739471E-2</v>
      </c>
      <c r="R179" s="131">
        <v>0.35599999999999998</v>
      </c>
      <c r="S179" s="94">
        <v>3.4437358160094585E-2</v>
      </c>
      <c r="T179" s="131">
        <v>0.24</v>
      </c>
      <c r="U179" s="94">
        <v>3.0760969141905372E-2</v>
      </c>
      <c r="V179" s="131">
        <v>7.4999999999999997E-2</v>
      </c>
      <c r="W179" s="94">
        <v>1.9187245571049234E-2</v>
      </c>
    </row>
    <row r="180" spans="1:23">
      <c r="A180" s="49" t="s">
        <v>443</v>
      </c>
      <c r="B180" s="132">
        <v>1015</v>
      </c>
      <c r="C180" s="117">
        <v>3.9</v>
      </c>
      <c r="D180" s="118">
        <v>0.19600000000000001</v>
      </c>
      <c r="E180" s="133">
        <v>0.373</v>
      </c>
      <c r="F180" s="97">
        <v>3.0307380315127898E-2</v>
      </c>
      <c r="G180" s="133">
        <v>0.19600000000000001</v>
      </c>
      <c r="H180" s="97">
        <v>2.4928405327833081E-2</v>
      </c>
      <c r="I180" s="133">
        <v>0.33100000000000002</v>
      </c>
      <c r="J180" s="97">
        <v>2.9497777736401477E-2</v>
      </c>
      <c r="K180" s="133">
        <v>9.9000000000000005E-2</v>
      </c>
      <c r="L180" s="97">
        <v>1.8843807583997944E-2</v>
      </c>
      <c r="M180" s="132">
        <v>1016</v>
      </c>
      <c r="N180" s="117">
        <v>4.7</v>
      </c>
      <c r="O180" s="118">
        <v>0.19600000000000001</v>
      </c>
      <c r="P180" s="133">
        <v>0.34100000000000003</v>
      </c>
      <c r="Q180" s="97">
        <v>2.9698939940414844E-2</v>
      </c>
      <c r="R180" s="133">
        <v>0.36599999999999999</v>
      </c>
      <c r="S180" s="97">
        <v>3.0174950995466999E-2</v>
      </c>
      <c r="T180" s="133">
        <v>0.22299999999999998</v>
      </c>
      <c r="U180" s="97">
        <v>2.611224760237104E-2</v>
      </c>
      <c r="V180" s="133">
        <v>6.9000000000000006E-2</v>
      </c>
      <c r="W180" s="97">
        <v>1.6050544216150587E-2</v>
      </c>
    </row>
    <row r="181" spans="1:23">
      <c r="A181" s="45" t="s">
        <v>444</v>
      </c>
      <c r="B181" s="130">
        <v>281</v>
      </c>
      <c r="C181" s="114">
        <v>3.8</v>
      </c>
      <c r="D181" s="115">
        <v>0.19600000000000001</v>
      </c>
      <c r="E181" s="131">
        <v>0.40699999999999997</v>
      </c>
      <c r="F181" s="94">
        <v>5.823028394415522E-2</v>
      </c>
      <c r="G181" s="131">
        <v>0.192</v>
      </c>
      <c r="H181" s="94">
        <v>4.7058032476118825E-2</v>
      </c>
      <c r="I181" s="131">
        <v>0.33700000000000002</v>
      </c>
      <c r="J181" s="94">
        <v>5.6091599625204602E-2</v>
      </c>
      <c r="K181" s="131">
        <v>6.5000000000000002E-2</v>
      </c>
      <c r="L181" s="94">
        <v>3.0446802547910618E-2</v>
      </c>
      <c r="M181" s="130">
        <v>282</v>
      </c>
      <c r="N181" s="114">
        <v>5.0999999999999996</v>
      </c>
      <c r="O181" s="115">
        <v>0.19600000000000001</v>
      </c>
      <c r="P181" s="131">
        <v>0.44700000000000001</v>
      </c>
      <c r="Q181" s="94">
        <v>5.8807380722501877E-2</v>
      </c>
      <c r="R181" s="131">
        <v>0.34699999999999998</v>
      </c>
      <c r="S181" s="94">
        <v>5.637551645850656E-2</v>
      </c>
      <c r="T181" s="131">
        <v>0.13999999999999999</v>
      </c>
      <c r="U181" s="94">
        <v>4.1644486694636315E-2</v>
      </c>
      <c r="V181" s="131">
        <v>6.7000000000000004E-2</v>
      </c>
      <c r="W181" s="94">
        <v>3.0775245045473396E-2</v>
      </c>
    </row>
    <row r="182" spans="1:23">
      <c r="A182" s="49" t="s">
        <v>445</v>
      </c>
      <c r="B182" s="132">
        <v>192</v>
      </c>
      <c r="C182" s="117">
        <v>3.9</v>
      </c>
      <c r="D182" s="118">
        <v>0.19600000000000001</v>
      </c>
      <c r="E182" s="133">
        <v>0.38400000000000001</v>
      </c>
      <c r="F182" s="97">
        <v>6.9559491518935104E-2</v>
      </c>
      <c r="G182" s="133">
        <v>0.151</v>
      </c>
      <c r="H182" s="97">
        <v>5.2122254267875492E-2</v>
      </c>
      <c r="I182" s="133">
        <v>0.40699999999999997</v>
      </c>
      <c r="J182" s="97">
        <v>7.0232909629914103E-2</v>
      </c>
      <c r="K182" s="133">
        <v>5.8000000000000003E-2</v>
      </c>
      <c r="L182" s="97">
        <v>3.5722477075735115E-2</v>
      </c>
      <c r="M182" s="132">
        <v>194</v>
      </c>
      <c r="N182" s="117">
        <v>4.8</v>
      </c>
      <c r="O182" s="118">
        <v>0.19600000000000001</v>
      </c>
      <c r="P182" s="133">
        <v>0.33300000000000002</v>
      </c>
      <c r="Q182" s="97">
        <v>6.7153742824451357E-2</v>
      </c>
      <c r="R182" s="133">
        <v>0.41300000000000003</v>
      </c>
      <c r="S182" s="97">
        <v>7.0026507118213913E-2</v>
      </c>
      <c r="T182" s="133">
        <v>0.21400000000000002</v>
      </c>
      <c r="U182" s="97">
        <v>5.8857044097162602E-2</v>
      </c>
      <c r="V182" s="133">
        <v>0.04</v>
      </c>
      <c r="W182" s="97">
        <v>3.0768978347985809E-2</v>
      </c>
    </row>
    <row r="183" spans="1:23">
      <c r="A183" s="45" t="s">
        <v>446</v>
      </c>
      <c r="B183" s="130">
        <v>166</v>
      </c>
      <c r="C183" s="114">
        <v>3.9</v>
      </c>
      <c r="D183" s="115">
        <v>0.19600000000000001</v>
      </c>
      <c r="E183" s="131">
        <v>0.34300000000000003</v>
      </c>
      <c r="F183" s="94">
        <v>7.3002386171474462E-2</v>
      </c>
      <c r="G183" s="131">
        <v>0.28499999999999998</v>
      </c>
      <c r="H183" s="94">
        <v>6.9608096625429897E-2</v>
      </c>
      <c r="I183" s="131">
        <v>0.34100000000000003</v>
      </c>
      <c r="J183" s="94">
        <v>7.2905208030906249E-2</v>
      </c>
      <c r="K183" s="131">
        <v>0.03</v>
      </c>
      <c r="L183" s="94">
        <v>3.0437204996436758E-2</v>
      </c>
      <c r="M183" s="130">
        <v>167</v>
      </c>
      <c r="N183" s="114">
        <v>4.9000000000000004</v>
      </c>
      <c r="O183" s="115">
        <v>0.19600000000000001</v>
      </c>
      <c r="P183" s="131">
        <v>0.436</v>
      </c>
      <c r="Q183" s="94">
        <v>7.5872065989593451E-2</v>
      </c>
      <c r="R183" s="131">
        <v>0.29099999999999998</v>
      </c>
      <c r="S183" s="94">
        <v>6.9809876196180343E-2</v>
      </c>
      <c r="T183" s="131">
        <v>0.25</v>
      </c>
      <c r="U183" s="94">
        <v>6.6735013746017022E-2</v>
      </c>
      <c r="V183" s="131">
        <v>2.3E-2</v>
      </c>
      <c r="W183" s="94">
        <v>2.7779892161676235E-2</v>
      </c>
    </row>
    <row r="184" spans="1:23">
      <c r="A184" s="49" t="s">
        <v>447</v>
      </c>
      <c r="B184" s="132">
        <v>79</v>
      </c>
      <c r="C184" s="117">
        <v>3.6</v>
      </c>
      <c r="D184" s="118">
        <v>0.39200000000000002</v>
      </c>
      <c r="E184" s="133">
        <v>0.434</v>
      </c>
      <c r="F184" s="97">
        <v>0.108894497061572</v>
      </c>
      <c r="G184" s="133">
        <v>0.2</v>
      </c>
      <c r="H184" s="97">
        <v>9.0104536320166947E-2</v>
      </c>
      <c r="I184" s="133">
        <v>0.29399999999999998</v>
      </c>
      <c r="J184" s="97">
        <v>0.10097253770146487</v>
      </c>
      <c r="K184" s="133">
        <v>7.0999999999999994E-2</v>
      </c>
      <c r="L184" s="97">
        <v>6.334850951394394E-2</v>
      </c>
      <c r="M184" s="132">
        <v>79</v>
      </c>
      <c r="N184" s="117">
        <v>5.4</v>
      </c>
      <c r="O184" s="118">
        <v>0.39200000000000002</v>
      </c>
      <c r="P184" s="133">
        <v>0.52200000000000002</v>
      </c>
      <c r="Q184" s="97">
        <v>0.10966796030593004</v>
      </c>
      <c r="R184" s="133">
        <v>0.33</v>
      </c>
      <c r="S184" s="97">
        <v>0.10385773881535165</v>
      </c>
      <c r="T184" s="133">
        <v>9.1000000000000011E-2</v>
      </c>
      <c r="U184" s="97">
        <v>6.8882282168727715E-2</v>
      </c>
      <c r="V184" s="133">
        <v>5.6000000000000001E-2</v>
      </c>
      <c r="W184" s="97">
        <v>5.8662688360419463E-2</v>
      </c>
    </row>
  </sheetData>
  <mergeCells count="21">
    <mergeCell ref="A3:D3"/>
    <mergeCell ref="A4:D4"/>
    <mergeCell ref="A5:D5"/>
    <mergeCell ref="A36:Q36"/>
    <mergeCell ref="A37:Q37"/>
    <mergeCell ref="B38:H38"/>
    <mergeCell ref="I38:Q38"/>
    <mergeCell ref="A96:D96"/>
    <mergeCell ref="A97:D97"/>
    <mergeCell ref="A98:D98"/>
    <mergeCell ref="B68:H68"/>
    <mergeCell ref="A67:H67"/>
    <mergeCell ref="A66:H66"/>
    <mergeCell ref="B158:L158"/>
    <mergeCell ref="M158:W158"/>
    <mergeCell ref="A157:W157"/>
    <mergeCell ref="A156:W156"/>
    <mergeCell ref="A126:S126"/>
    <mergeCell ref="A127:S127"/>
    <mergeCell ref="K128:S128"/>
    <mergeCell ref="B128:J128"/>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211"/>
  <sheetViews>
    <sheetView topLeftCell="A182" zoomScaleNormal="100" workbookViewId="0">
      <selection activeCell="A185" sqref="A185:J185"/>
    </sheetView>
  </sheetViews>
  <sheetFormatPr defaultColWidth="16.5703125" defaultRowHeight="15"/>
  <cols>
    <col min="1" max="1" width="42.28515625" customWidth="1"/>
  </cols>
  <sheetData>
    <row r="1" spans="1:15" ht="31.5">
      <c r="A1" s="33" t="s">
        <v>41</v>
      </c>
    </row>
    <row r="3" spans="1:15" ht="18.75">
      <c r="A3" s="335" t="s">
        <v>3</v>
      </c>
      <c r="B3" s="335"/>
      <c r="C3" s="335"/>
      <c r="D3" s="335"/>
      <c r="E3" s="335"/>
      <c r="F3" s="335"/>
      <c r="G3" s="335"/>
      <c r="H3" s="335"/>
      <c r="I3" s="335"/>
      <c r="J3" s="335"/>
      <c r="K3" s="335"/>
      <c r="L3" s="335"/>
      <c r="M3" s="335"/>
      <c r="N3" s="335"/>
      <c r="O3" s="335"/>
    </row>
    <row r="4" spans="1:15" ht="51.75" customHeight="1">
      <c r="A4" s="379" t="s">
        <v>507</v>
      </c>
      <c r="B4" s="379"/>
      <c r="C4" s="379"/>
      <c r="D4" s="379"/>
      <c r="E4" s="379"/>
      <c r="F4" s="379"/>
      <c r="G4" s="379"/>
      <c r="H4" s="379"/>
      <c r="I4" s="379"/>
      <c r="J4" s="379"/>
      <c r="K4" s="379"/>
      <c r="L4" s="379"/>
      <c r="M4" s="379"/>
      <c r="N4" s="379"/>
      <c r="O4" s="379"/>
    </row>
    <row r="5" spans="1:15" ht="34.5" customHeight="1">
      <c r="A5" s="383" t="s">
        <v>135</v>
      </c>
      <c r="B5" s="383"/>
      <c r="C5" s="383"/>
      <c r="D5" s="383"/>
      <c r="E5" s="380" t="s">
        <v>31</v>
      </c>
      <c r="F5" s="380"/>
      <c r="G5" s="380"/>
      <c r="H5" s="380"/>
      <c r="I5" s="380"/>
      <c r="J5" s="380"/>
      <c r="K5" s="380"/>
      <c r="L5" s="380"/>
      <c r="M5" s="380"/>
      <c r="N5" s="380"/>
      <c r="O5" s="380"/>
    </row>
    <row r="6" spans="1:15" ht="39" customHeight="1">
      <c r="A6" s="37" t="s">
        <v>85</v>
      </c>
      <c r="B6" s="38" t="s">
        <v>86</v>
      </c>
      <c r="C6" s="39" t="s">
        <v>87</v>
      </c>
      <c r="D6" s="40" t="s">
        <v>88</v>
      </c>
      <c r="E6" s="65" t="s">
        <v>86</v>
      </c>
      <c r="F6" s="65" t="s">
        <v>359</v>
      </c>
      <c r="G6" s="88" t="s">
        <v>162</v>
      </c>
      <c r="H6" s="65" t="s">
        <v>360</v>
      </c>
      <c r="I6" s="88" t="s">
        <v>223</v>
      </c>
      <c r="J6" s="65" t="s">
        <v>361</v>
      </c>
      <c r="K6" s="88" t="s">
        <v>225</v>
      </c>
      <c r="L6" s="65" t="s">
        <v>362</v>
      </c>
      <c r="M6" s="88" t="s">
        <v>226</v>
      </c>
      <c r="N6" s="65" t="s">
        <v>363</v>
      </c>
      <c r="O6" s="88" t="s">
        <v>229</v>
      </c>
    </row>
    <row r="7" spans="1:15" ht="84">
      <c r="A7" s="41"/>
      <c r="B7" s="42" t="s">
        <v>89</v>
      </c>
      <c r="C7" s="43" t="s">
        <v>137</v>
      </c>
      <c r="D7" s="44" t="s">
        <v>91</v>
      </c>
      <c r="E7" s="68" t="s">
        <v>89</v>
      </c>
      <c r="F7" s="68" t="s">
        <v>224</v>
      </c>
      <c r="G7" s="90" t="s">
        <v>104</v>
      </c>
      <c r="H7" s="68" t="s">
        <v>222</v>
      </c>
      <c r="I7" s="90" t="s">
        <v>104</v>
      </c>
      <c r="J7" s="68" t="s">
        <v>202</v>
      </c>
      <c r="K7" s="90" t="s">
        <v>104</v>
      </c>
      <c r="L7" s="68" t="s">
        <v>227</v>
      </c>
      <c r="M7" s="90" t="s">
        <v>104</v>
      </c>
      <c r="N7" s="68" t="s">
        <v>228</v>
      </c>
      <c r="O7" s="90" t="s">
        <v>104</v>
      </c>
    </row>
    <row r="8" spans="1:15">
      <c r="A8" s="45" t="s">
        <v>424</v>
      </c>
      <c r="B8" s="134">
        <v>8917</v>
      </c>
      <c r="C8" s="135">
        <v>3.25</v>
      </c>
      <c r="D8" s="127">
        <v>1.9599999999999999E-2</v>
      </c>
      <c r="E8" s="119">
        <v>8917</v>
      </c>
      <c r="F8" s="136">
        <v>0.05</v>
      </c>
      <c r="G8" s="94">
        <v>4.6237934270870803E-3</v>
      </c>
      <c r="H8" s="137">
        <v>0.182</v>
      </c>
      <c r="I8" s="94">
        <v>8.1727416690349861E-3</v>
      </c>
      <c r="J8" s="137">
        <v>0.33</v>
      </c>
      <c r="K8" s="94">
        <v>9.9573332700060076E-3</v>
      </c>
      <c r="L8" s="137">
        <v>0.33800000000000002</v>
      </c>
      <c r="M8" s="94">
        <v>1.0016901517968137E-2</v>
      </c>
      <c r="N8" s="137">
        <v>9.9000000000000005E-2</v>
      </c>
      <c r="O8" s="94">
        <v>6.3292740295217663E-3</v>
      </c>
    </row>
    <row r="9" spans="1:15">
      <c r="A9" s="49" t="s">
        <v>425</v>
      </c>
      <c r="B9" s="138">
        <v>8330</v>
      </c>
      <c r="C9" s="139">
        <v>3.26</v>
      </c>
      <c r="D9" s="129">
        <v>1.9599999999999999E-2</v>
      </c>
      <c r="E9" s="122">
        <v>8330</v>
      </c>
      <c r="F9" s="140">
        <v>0.05</v>
      </c>
      <c r="G9" s="97">
        <v>4.7845011054731337E-3</v>
      </c>
      <c r="H9" s="141">
        <v>0.182</v>
      </c>
      <c r="I9" s="97">
        <v>8.4558466709438972E-3</v>
      </c>
      <c r="J9" s="141">
        <v>0.33</v>
      </c>
      <c r="K9" s="97">
        <v>1.0302078539466658E-2</v>
      </c>
      <c r="L9" s="141">
        <v>0.33600000000000002</v>
      </c>
      <c r="M9" s="97">
        <v>1.0348610641627292E-2</v>
      </c>
      <c r="N9" s="141">
        <v>0.10100000000000001</v>
      </c>
      <c r="O9" s="97">
        <v>6.6070692504178515E-3</v>
      </c>
    </row>
    <row r="10" spans="1:15">
      <c r="A10" s="45" t="s">
        <v>426</v>
      </c>
      <c r="B10" s="54">
        <v>772</v>
      </c>
      <c r="C10" s="55">
        <v>3.22</v>
      </c>
      <c r="D10" s="56">
        <v>7.8399999999999997E-2</v>
      </c>
      <c r="E10" s="83">
        <v>772</v>
      </c>
      <c r="F10" s="98">
        <v>6.4399999999999999E-2</v>
      </c>
      <c r="G10" s="94">
        <v>1.7906365381094184E-2</v>
      </c>
      <c r="H10" s="98">
        <v>0.17</v>
      </c>
      <c r="I10" s="94">
        <v>2.7075665921326226E-2</v>
      </c>
      <c r="J10" s="98">
        <v>0.33339999999999997</v>
      </c>
      <c r="K10" s="94">
        <v>3.3868289636283841E-2</v>
      </c>
      <c r="L10" s="98">
        <v>0.34289999999999998</v>
      </c>
      <c r="M10" s="94">
        <v>3.4099110507072941E-2</v>
      </c>
      <c r="N10" s="98">
        <v>8.9300000000000004E-2</v>
      </c>
      <c r="O10" s="94">
        <v>2.0691641389177114E-2</v>
      </c>
    </row>
    <row r="11" spans="1:15">
      <c r="A11" s="49" t="s">
        <v>427</v>
      </c>
      <c r="B11" s="138">
        <v>6500</v>
      </c>
      <c r="C11" s="139">
        <v>3.3</v>
      </c>
      <c r="D11" s="129">
        <v>0</v>
      </c>
      <c r="E11" s="122">
        <v>6500</v>
      </c>
      <c r="F11" s="140">
        <v>0.05</v>
      </c>
      <c r="G11" s="97">
        <v>5.4190339740566931E-3</v>
      </c>
      <c r="H11" s="141">
        <v>0.183</v>
      </c>
      <c r="I11" s="97">
        <v>9.5930275487424548E-3</v>
      </c>
      <c r="J11" s="141">
        <v>0.33</v>
      </c>
      <c r="K11" s="97">
        <v>1.1661891566047453E-2</v>
      </c>
      <c r="L11" s="141">
        <v>0.33800000000000002</v>
      </c>
      <c r="M11" s="97">
        <v>1.1731630861873179E-2</v>
      </c>
      <c r="N11" s="141">
        <v>9.9000000000000005E-2</v>
      </c>
      <c r="O11" s="97">
        <v>7.4148187114587757E-3</v>
      </c>
    </row>
    <row r="12" spans="1:15">
      <c r="A12" s="45" t="s">
        <v>428</v>
      </c>
      <c r="B12" s="54">
        <v>2419</v>
      </c>
      <c r="C12" s="55">
        <v>3.4</v>
      </c>
      <c r="D12" s="56">
        <v>0</v>
      </c>
      <c r="E12" s="83">
        <v>2419</v>
      </c>
      <c r="F12" s="98">
        <v>3.5000000000000003E-2</v>
      </c>
      <c r="G12" s="94">
        <v>7.5455222255874938E-3</v>
      </c>
      <c r="H12" s="98">
        <v>0.13500000000000001</v>
      </c>
      <c r="I12" s="94">
        <v>1.3910539290463831E-2</v>
      </c>
      <c r="J12" s="98">
        <v>0.36199999999999999</v>
      </c>
      <c r="K12" s="94">
        <v>1.9528863704276277E-2</v>
      </c>
      <c r="L12" s="98">
        <v>0.36699999999999999</v>
      </c>
      <c r="M12" s="94">
        <v>1.958586312988439E-2</v>
      </c>
      <c r="N12" s="98">
        <v>0.10100000000000001</v>
      </c>
      <c r="O12" s="94">
        <v>1.2278525712519911E-2</v>
      </c>
    </row>
    <row r="13" spans="1:15">
      <c r="A13" s="49" t="s">
        <v>429</v>
      </c>
      <c r="B13" s="138">
        <v>601</v>
      </c>
      <c r="C13" s="139">
        <v>3.4</v>
      </c>
      <c r="D13" s="129">
        <v>0</v>
      </c>
      <c r="E13" s="122">
        <v>601</v>
      </c>
      <c r="F13" s="140">
        <v>0.02</v>
      </c>
      <c r="G13" s="97">
        <v>1.2233686084745777E-2</v>
      </c>
      <c r="H13" s="141">
        <v>0.13900000000000001</v>
      </c>
      <c r="I13" s="97">
        <v>2.8330581693629314E-2</v>
      </c>
      <c r="J13" s="141">
        <v>0.38800000000000001</v>
      </c>
      <c r="K13" s="97">
        <v>3.9636473956497852E-2</v>
      </c>
      <c r="L13" s="141">
        <v>0.35199999999999998</v>
      </c>
      <c r="M13" s="97">
        <v>3.8858478737649652E-2</v>
      </c>
      <c r="N13" s="141">
        <v>0.10100000000000001</v>
      </c>
      <c r="O13" s="97">
        <v>2.4782982438985818E-2</v>
      </c>
    </row>
    <row r="14" spans="1:15">
      <c r="A14" s="45" t="s">
        <v>430</v>
      </c>
      <c r="B14" s="54">
        <v>1522</v>
      </c>
      <c r="C14" s="55">
        <v>3.3</v>
      </c>
      <c r="D14" s="56">
        <v>0</v>
      </c>
      <c r="E14" s="83">
        <v>1522</v>
      </c>
      <c r="F14" s="98">
        <v>4.1000000000000002E-2</v>
      </c>
      <c r="G14" s="94">
        <v>1.0293470934514805E-2</v>
      </c>
      <c r="H14" s="98">
        <v>0.13800000000000001</v>
      </c>
      <c r="I14" s="94">
        <v>1.770902821650764E-2</v>
      </c>
      <c r="J14" s="98">
        <v>0.35899999999999999</v>
      </c>
      <c r="K14" s="94">
        <v>2.4565588182312328E-2</v>
      </c>
      <c r="L14" s="98">
        <v>0.36399999999999999</v>
      </c>
      <c r="M14" s="94">
        <v>2.4638983779851579E-2</v>
      </c>
      <c r="N14" s="98">
        <v>9.9000000000000005E-2</v>
      </c>
      <c r="O14" s="94">
        <v>1.5362879177906061E-2</v>
      </c>
    </row>
    <row r="15" spans="1:15">
      <c r="A15" s="49" t="s">
        <v>431</v>
      </c>
      <c r="B15" s="138">
        <v>218</v>
      </c>
      <c r="C15" s="139">
        <v>3.5</v>
      </c>
      <c r="D15" s="129">
        <v>0.19600000000000001</v>
      </c>
      <c r="E15" s="122">
        <v>218</v>
      </c>
      <c r="F15" s="140">
        <v>7.0000000000000001E-3</v>
      </c>
      <c r="G15" s="97">
        <v>1.678191697014975E-2</v>
      </c>
      <c r="H15" s="141">
        <v>0.10299999999999999</v>
      </c>
      <c r="I15" s="97">
        <v>4.2025182498453342E-2</v>
      </c>
      <c r="J15" s="141">
        <v>0.36299999999999999</v>
      </c>
      <c r="K15" s="97">
        <v>6.4640553893323696E-2</v>
      </c>
      <c r="L15" s="141">
        <v>0.432</v>
      </c>
      <c r="M15" s="97">
        <v>6.6514393139099362E-2</v>
      </c>
      <c r="N15" s="141">
        <v>9.5000000000000001E-2</v>
      </c>
      <c r="O15" s="97">
        <v>4.0677275295413297E-2</v>
      </c>
    </row>
    <row r="16" spans="1:15">
      <c r="A16" s="45" t="s">
        <v>432</v>
      </c>
      <c r="B16" s="54">
        <v>533</v>
      </c>
      <c r="C16" s="55">
        <v>3.3</v>
      </c>
      <c r="D16" s="56">
        <v>0</v>
      </c>
      <c r="E16" s="83">
        <v>533</v>
      </c>
      <c r="F16" s="98">
        <v>5.0999999999999997E-2</v>
      </c>
      <c r="G16" s="94">
        <v>1.9565328877150467E-2</v>
      </c>
      <c r="H16" s="98">
        <v>0.14000000000000001</v>
      </c>
      <c r="I16" s="94">
        <v>3.018546463752186E-2</v>
      </c>
      <c r="J16" s="98">
        <v>0.36499999999999999</v>
      </c>
      <c r="K16" s="94">
        <v>4.1574728856836905E-2</v>
      </c>
      <c r="L16" s="98">
        <v>0.34499999999999997</v>
      </c>
      <c r="M16" s="94">
        <v>4.1059667834944726E-2</v>
      </c>
      <c r="N16" s="98">
        <v>9.9000000000000005E-2</v>
      </c>
      <c r="O16" s="94">
        <v>2.6118997654618701E-2</v>
      </c>
    </row>
    <row r="17" spans="1:15">
      <c r="A17" s="49" t="s">
        <v>433</v>
      </c>
      <c r="B17" s="138">
        <v>693</v>
      </c>
      <c r="C17" s="139">
        <v>3.4</v>
      </c>
      <c r="D17" s="129">
        <v>0</v>
      </c>
      <c r="E17" s="122">
        <v>693</v>
      </c>
      <c r="F17" s="140">
        <v>2.5000000000000001E-2</v>
      </c>
      <c r="G17" s="97">
        <v>1.2438021753429252E-2</v>
      </c>
      <c r="H17" s="141">
        <v>0.13200000000000001</v>
      </c>
      <c r="I17" s="97">
        <v>2.5815358531015166E-2</v>
      </c>
      <c r="J17" s="141">
        <v>0.34899999999999998</v>
      </c>
      <c r="K17" s="97">
        <v>3.6129843437438067E-2</v>
      </c>
      <c r="L17" s="141">
        <v>0.39300000000000002</v>
      </c>
      <c r="M17" s="97">
        <v>3.701037365339907E-2</v>
      </c>
      <c r="N17" s="141">
        <v>0.10100000000000001</v>
      </c>
      <c r="O17" s="97">
        <v>2.3055174033933996E-2</v>
      </c>
    </row>
    <row r="18" spans="1:15">
      <c r="A18" s="45" t="s">
        <v>434</v>
      </c>
      <c r="B18" s="134">
        <v>956</v>
      </c>
      <c r="C18" s="135">
        <v>3.3</v>
      </c>
      <c r="D18" s="127">
        <v>0</v>
      </c>
      <c r="E18" s="119">
        <v>956</v>
      </c>
      <c r="F18" s="136">
        <v>4.1000000000000002E-2</v>
      </c>
      <c r="G18" s="94">
        <v>1.3081637471367707E-2</v>
      </c>
      <c r="H18" s="137">
        <v>0.151</v>
      </c>
      <c r="I18" s="94">
        <v>2.3203079333413097E-2</v>
      </c>
      <c r="J18" s="137">
        <v>0.36899999999999999</v>
      </c>
      <c r="K18" s="94">
        <v>3.1156975569906865E-2</v>
      </c>
      <c r="L18" s="137">
        <v>0.33100000000000002</v>
      </c>
      <c r="M18" s="94">
        <v>3.0391645814998713E-2</v>
      </c>
      <c r="N18" s="137">
        <v>0.107</v>
      </c>
      <c r="O18" s="94">
        <v>2.0086831672531759E-2</v>
      </c>
    </row>
    <row r="19" spans="1:15">
      <c r="A19" s="49" t="s">
        <v>435</v>
      </c>
      <c r="B19" s="138">
        <v>717</v>
      </c>
      <c r="C19" s="139">
        <v>3.3</v>
      </c>
      <c r="D19" s="129">
        <v>0</v>
      </c>
      <c r="E19" s="122">
        <v>717</v>
      </c>
      <c r="F19" s="140">
        <v>4.3999999999999997E-2</v>
      </c>
      <c r="G19" s="97">
        <v>1.5688506632412023E-2</v>
      </c>
      <c r="H19" s="141">
        <v>0.14599999999999999</v>
      </c>
      <c r="I19" s="97">
        <v>2.6446566309327898E-2</v>
      </c>
      <c r="J19" s="141">
        <v>0.34200000000000003</v>
      </c>
      <c r="K19" s="97">
        <v>3.5355317460272033E-2</v>
      </c>
      <c r="L19" s="141">
        <v>0.35299999999999998</v>
      </c>
      <c r="M19" s="97">
        <v>3.5614681780991163E-2</v>
      </c>
      <c r="N19" s="141">
        <v>0.115</v>
      </c>
      <c r="O19" s="97">
        <v>2.3952692398152748E-2</v>
      </c>
    </row>
    <row r="20" spans="1:15">
      <c r="A20" s="45" t="s">
        <v>436</v>
      </c>
      <c r="B20" s="54">
        <v>130</v>
      </c>
      <c r="C20" s="55">
        <v>3.4</v>
      </c>
      <c r="D20" s="56">
        <v>0.19600000000000001</v>
      </c>
      <c r="E20" s="83">
        <v>130</v>
      </c>
      <c r="F20" s="98">
        <v>5.0999999999999997E-2</v>
      </c>
      <c r="G20" s="94">
        <v>4.2410657836826411E-2</v>
      </c>
      <c r="H20" s="98">
        <v>7.0000000000000007E-2</v>
      </c>
      <c r="I20" s="94">
        <v>4.7622284910137487E-2</v>
      </c>
      <c r="J20" s="98">
        <v>0.41</v>
      </c>
      <c r="K20" s="94">
        <v>8.505948128580193E-2</v>
      </c>
      <c r="L20" s="98">
        <v>0.34799999999999998</v>
      </c>
      <c r="M20" s="94">
        <v>8.2544380838864326E-2</v>
      </c>
      <c r="N20" s="98">
        <v>0.121</v>
      </c>
      <c r="O20" s="94">
        <v>5.8541116645653826E-2</v>
      </c>
    </row>
    <row r="21" spans="1:15">
      <c r="A21" s="49" t="s">
        <v>437</v>
      </c>
      <c r="B21" s="138">
        <v>152</v>
      </c>
      <c r="C21" s="139">
        <v>3.3</v>
      </c>
      <c r="D21" s="129">
        <v>0.19600000000000001</v>
      </c>
      <c r="E21" s="122">
        <v>152</v>
      </c>
      <c r="F21" s="140">
        <v>7.1999999999999995E-2</v>
      </c>
      <c r="G21" s="97">
        <v>4.4170304076774219E-2</v>
      </c>
      <c r="H21" s="141">
        <v>0.10299999999999999</v>
      </c>
      <c r="I21" s="97">
        <v>5.0730532671763952E-2</v>
      </c>
      <c r="J21" s="141">
        <v>0.34</v>
      </c>
      <c r="K21" s="97">
        <v>7.6072837815798905E-2</v>
      </c>
      <c r="L21" s="141">
        <v>0.40699999999999997</v>
      </c>
      <c r="M21" s="97">
        <v>7.8738263605865846E-2</v>
      </c>
      <c r="N21" s="141">
        <v>7.9000000000000001E-2</v>
      </c>
      <c r="O21" s="97">
        <v>4.5778662814486171E-2</v>
      </c>
    </row>
    <row r="22" spans="1:15">
      <c r="A22" s="45" t="s">
        <v>438</v>
      </c>
      <c r="B22" s="134">
        <v>248</v>
      </c>
      <c r="C22" s="135">
        <v>3.4</v>
      </c>
      <c r="D22" s="127">
        <v>0.19600000000000001</v>
      </c>
      <c r="E22" s="119">
        <v>248</v>
      </c>
      <c r="F22" s="136">
        <v>1.0999999999999999E-2</v>
      </c>
      <c r="G22" s="94">
        <v>1.7094460112372419E-2</v>
      </c>
      <c r="H22" s="137">
        <v>0.13700000000000001</v>
      </c>
      <c r="I22" s="94">
        <v>4.4074421785483736E-2</v>
      </c>
      <c r="J22" s="137">
        <v>0.371</v>
      </c>
      <c r="K22" s="94">
        <v>6.0929713992034583E-2</v>
      </c>
      <c r="L22" s="137">
        <v>0.39200000000000002</v>
      </c>
      <c r="M22" s="94">
        <v>6.1554382580781358E-2</v>
      </c>
      <c r="N22" s="137">
        <v>8.8999999999999996E-2</v>
      </c>
      <c r="O22" s="94">
        <v>3.7032592109908599E-2</v>
      </c>
    </row>
    <row r="23" spans="1:15">
      <c r="A23" s="49" t="s">
        <v>439</v>
      </c>
      <c r="B23" s="138">
        <v>390</v>
      </c>
      <c r="C23" s="139">
        <v>3.4</v>
      </c>
      <c r="D23" s="129">
        <v>0</v>
      </c>
      <c r="E23" s="122">
        <v>390</v>
      </c>
      <c r="F23" s="140">
        <v>1.7999999999999999E-2</v>
      </c>
      <c r="G23" s="97">
        <v>1.5069818293625406E-2</v>
      </c>
      <c r="H23" s="141">
        <v>0.109</v>
      </c>
      <c r="I23" s="97">
        <v>3.1895677900209307E-2</v>
      </c>
      <c r="J23" s="141">
        <v>0.36399999999999999</v>
      </c>
      <c r="K23" s="97">
        <v>4.851894254997921E-2</v>
      </c>
      <c r="L23" s="141">
        <v>0.42599999999999999</v>
      </c>
      <c r="M23" s="97">
        <v>4.9835732538874605E-2</v>
      </c>
      <c r="N23" s="141">
        <v>8.4000000000000005E-2</v>
      </c>
      <c r="O23" s="97">
        <v>2.8577082636586371E-2</v>
      </c>
    </row>
    <row r="24" spans="1:15">
      <c r="A24" s="45" t="s">
        <v>440</v>
      </c>
      <c r="B24" s="134">
        <v>389</v>
      </c>
      <c r="C24" s="135">
        <v>3.4</v>
      </c>
      <c r="D24" s="127">
        <v>0</v>
      </c>
      <c r="E24" s="119">
        <v>389</v>
      </c>
      <c r="F24" s="136">
        <v>2.5000000000000001E-2</v>
      </c>
      <c r="G24" s="94">
        <v>1.7163931027397689E-2</v>
      </c>
      <c r="H24" s="137">
        <v>0.14499999999999999</v>
      </c>
      <c r="I24" s="94">
        <v>3.5886070636786893E-2</v>
      </c>
      <c r="J24" s="137">
        <v>0.39300000000000002</v>
      </c>
      <c r="K24" s="94">
        <v>4.9298681779516226E-2</v>
      </c>
      <c r="L24" s="137">
        <v>0.32300000000000001</v>
      </c>
      <c r="M24" s="94">
        <v>4.7245285447791184E-2</v>
      </c>
      <c r="N24" s="137">
        <v>0.114</v>
      </c>
      <c r="O24" s="94">
        <v>3.2538341033156358E-2</v>
      </c>
    </row>
    <row r="25" spans="1:15">
      <c r="A25" s="49" t="s">
        <v>441</v>
      </c>
      <c r="B25" s="138">
        <v>268</v>
      </c>
      <c r="C25" s="139">
        <v>3.2</v>
      </c>
      <c r="D25" s="129">
        <v>0.19600000000000001</v>
      </c>
      <c r="E25" s="122">
        <v>268</v>
      </c>
      <c r="F25" s="140">
        <v>4.3999999999999997E-2</v>
      </c>
      <c r="G25" s="97">
        <v>2.6605725790135207E-2</v>
      </c>
      <c r="H25" s="141">
        <v>0.192</v>
      </c>
      <c r="I25" s="97">
        <v>4.8188600384342271E-2</v>
      </c>
      <c r="J25" s="141">
        <v>0.35299999999999998</v>
      </c>
      <c r="K25" s="97">
        <v>5.8034204619659913E-2</v>
      </c>
      <c r="L25" s="141">
        <v>0.32300000000000001</v>
      </c>
      <c r="M25" s="97">
        <v>5.6826058887898587E-2</v>
      </c>
      <c r="N25" s="141">
        <v>8.7999999999999995E-2</v>
      </c>
      <c r="O25" s="97">
        <v>3.5399352196979608E-2</v>
      </c>
    </row>
    <row r="26" spans="1:15">
      <c r="A26" s="45" t="s">
        <v>442</v>
      </c>
      <c r="B26" s="134">
        <v>741</v>
      </c>
      <c r="C26" s="135">
        <v>3.4</v>
      </c>
      <c r="D26" s="127">
        <v>0</v>
      </c>
      <c r="E26" s="119">
        <v>741</v>
      </c>
      <c r="F26" s="136">
        <v>3.5000000000000003E-2</v>
      </c>
      <c r="G26" s="94">
        <v>1.3920318973799225E-2</v>
      </c>
      <c r="H26" s="137">
        <v>0.14799999999999999</v>
      </c>
      <c r="I26" s="94">
        <v>2.6156261550226111E-2</v>
      </c>
      <c r="J26" s="137">
        <v>0.33300000000000002</v>
      </c>
      <c r="K26" s="94">
        <v>3.4556416296268523E-2</v>
      </c>
      <c r="L26" s="137">
        <v>0.36799999999999999</v>
      </c>
      <c r="M26" s="94">
        <v>3.5351549983756732E-2</v>
      </c>
      <c r="N26" s="137">
        <v>0.115</v>
      </c>
      <c r="O26" s="94">
        <v>2.3557714921109748E-2</v>
      </c>
    </row>
    <row r="27" spans="1:15">
      <c r="A27" s="49" t="s">
        <v>443</v>
      </c>
      <c r="B27" s="138">
        <v>991</v>
      </c>
      <c r="C27" s="139">
        <v>3.4</v>
      </c>
      <c r="D27" s="129">
        <v>0</v>
      </c>
      <c r="E27" s="122">
        <v>991</v>
      </c>
      <c r="F27" s="140">
        <v>2.7E-2</v>
      </c>
      <c r="G27" s="97">
        <v>1.0622098970147452E-2</v>
      </c>
      <c r="H27" s="141">
        <v>0.14499999999999999</v>
      </c>
      <c r="I27" s="97">
        <v>2.241555719771595E-2</v>
      </c>
      <c r="J27" s="141">
        <v>0.32400000000000001</v>
      </c>
      <c r="K27" s="97">
        <v>2.9690026930311419E-2</v>
      </c>
      <c r="L27" s="141">
        <v>0.39700000000000002</v>
      </c>
      <c r="M27" s="97">
        <v>3.102769889382799E-2</v>
      </c>
      <c r="N27" s="141">
        <v>0.107</v>
      </c>
      <c r="O27" s="97">
        <v>1.9725789045249884E-2</v>
      </c>
    </row>
    <row r="28" spans="1:15">
      <c r="A28" s="45" t="s">
        <v>444</v>
      </c>
      <c r="B28" s="134">
        <v>266</v>
      </c>
      <c r="C28" s="135">
        <v>3.3</v>
      </c>
      <c r="D28" s="127">
        <v>0.19600000000000001</v>
      </c>
      <c r="E28" s="119">
        <v>266</v>
      </c>
      <c r="F28" s="136">
        <v>4.2000000000000003E-2</v>
      </c>
      <c r="G28" s="94">
        <v>2.6219921996559502E-2</v>
      </c>
      <c r="H28" s="137">
        <v>0.17</v>
      </c>
      <c r="I28" s="94">
        <v>4.6236552068057629E-2</v>
      </c>
      <c r="J28" s="137">
        <v>0.34399999999999997</v>
      </c>
      <c r="K28" s="94">
        <v>5.7911775228403822E-2</v>
      </c>
      <c r="L28" s="137">
        <v>0.35699999999999998</v>
      </c>
      <c r="M28" s="94">
        <v>5.8392339448808978E-2</v>
      </c>
      <c r="N28" s="137">
        <v>8.6999999999999994E-2</v>
      </c>
      <c r="O28" s="94">
        <v>3.5370517127799019E-2</v>
      </c>
    </row>
    <row r="29" spans="1:15">
      <c r="A29" s="49" t="s">
        <v>445</v>
      </c>
      <c r="B29" s="138">
        <v>179</v>
      </c>
      <c r="C29" s="139">
        <v>3.4</v>
      </c>
      <c r="D29" s="129">
        <v>0.19600000000000001</v>
      </c>
      <c r="E29" s="122">
        <v>179</v>
      </c>
      <c r="F29" s="140">
        <v>3.5999999999999997E-2</v>
      </c>
      <c r="G29" s="97">
        <v>3.1016648192692439E-2</v>
      </c>
      <c r="H29" s="141">
        <v>0.111</v>
      </c>
      <c r="I29" s="97">
        <v>4.7957592657445106E-2</v>
      </c>
      <c r="J29" s="141">
        <v>0.371</v>
      </c>
      <c r="K29" s="97">
        <v>7.152950781823765E-2</v>
      </c>
      <c r="L29" s="141">
        <v>0.38500000000000001</v>
      </c>
      <c r="M29" s="97">
        <v>7.2027138720176798E-2</v>
      </c>
      <c r="N29" s="141">
        <v>9.7000000000000003E-2</v>
      </c>
      <c r="O29" s="97">
        <v>4.5475809467661374E-2</v>
      </c>
    </row>
    <row r="30" spans="1:15">
      <c r="A30" s="45" t="s">
        <v>446</v>
      </c>
      <c r="B30" s="134">
        <v>159</v>
      </c>
      <c r="C30" s="135">
        <v>3.3</v>
      </c>
      <c r="D30" s="127">
        <v>0.19600000000000001</v>
      </c>
      <c r="E30" s="119">
        <v>159</v>
      </c>
      <c r="F30" s="136">
        <v>4.2000000000000003E-2</v>
      </c>
      <c r="G30" s="94">
        <v>3.5169997180503718E-2</v>
      </c>
      <c r="H30" s="137">
        <v>5.0999999999999997E-2</v>
      </c>
      <c r="I30" s="94">
        <v>3.7782757245157797E-2</v>
      </c>
      <c r="J30" s="137">
        <v>0.51700000000000002</v>
      </c>
      <c r="K30" s="94">
        <v>7.8282955389923817E-2</v>
      </c>
      <c r="L30" s="137">
        <v>0.31900000000000001</v>
      </c>
      <c r="M30" s="94">
        <v>7.3280229087090726E-2</v>
      </c>
      <c r="N30" s="137">
        <v>7.1999999999999995E-2</v>
      </c>
      <c r="O30" s="94">
        <v>4.3099631000735987E-2</v>
      </c>
    </row>
    <row r="31" spans="1:15">
      <c r="A31" s="49" t="s">
        <v>447</v>
      </c>
      <c r="B31" s="138">
        <v>75</v>
      </c>
      <c r="C31" s="139">
        <v>3.4</v>
      </c>
      <c r="D31" s="129">
        <v>0.19600000000000001</v>
      </c>
      <c r="E31" s="122">
        <v>75</v>
      </c>
      <c r="F31" s="140">
        <v>1.2999999999999999E-2</v>
      </c>
      <c r="G31" s="97">
        <v>4.2836211892371974E-2</v>
      </c>
      <c r="H31" s="141">
        <v>0.1</v>
      </c>
      <c r="I31" s="97">
        <v>7.3188620880432348E-2</v>
      </c>
      <c r="J31" s="141">
        <v>0.48399999999999999</v>
      </c>
      <c r="K31" s="97">
        <v>0.11245685929416006</v>
      </c>
      <c r="L31" s="141">
        <v>0.30299999999999999</v>
      </c>
      <c r="M31" s="97">
        <v>0.10434158388110444</v>
      </c>
      <c r="N31" s="141">
        <v>0.1</v>
      </c>
      <c r="O31" s="97">
        <v>7.3188620880432348E-2</v>
      </c>
    </row>
    <row r="32" spans="1:15" s="248" customFormat="1">
      <c r="A32" s="241"/>
    </row>
    <row r="33" spans="1:19" ht="18.75">
      <c r="A33" s="343" t="s">
        <v>292</v>
      </c>
      <c r="B33" s="343"/>
      <c r="C33" s="343"/>
      <c r="D33" s="343"/>
      <c r="E33" s="343"/>
      <c r="F33" s="343"/>
      <c r="G33" s="343"/>
      <c r="H33" s="343"/>
      <c r="I33" s="343"/>
      <c r="J33" s="343"/>
      <c r="K33" s="343"/>
      <c r="L33" s="226"/>
      <c r="M33" s="226"/>
      <c r="N33" s="226"/>
      <c r="O33" s="226"/>
      <c r="P33" s="256"/>
      <c r="Q33" s="256"/>
      <c r="R33" s="256"/>
      <c r="S33" s="256"/>
    </row>
    <row r="34" spans="1:19" ht="82.5" customHeight="1">
      <c r="A34" s="388" t="s">
        <v>508</v>
      </c>
      <c r="B34" s="388"/>
      <c r="C34" s="388"/>
      <c r="D34" s="388"/>
      <c r="E34" s="388"/>
      <c r="F34" s="388"/>
      <c r="G34" s="388"/>
      <c r="H34" s="388"/>
      <c r="I34" s="388"/>
      <c r="J34" s="388"/>
      <c r="K34" s="388"/>
      <c r="L34" s="267"/>
      <c r="M34" s="267"/>
      <c r="N34" s="267"/>
      <c r="O34" s="267"/>
      <c r="P34" s="256"/>
      <c r="Q34" s="256"/>
      <c r="R34" s="256"/>
      <c r="S34" s="256"/>
    </row>
    <row r="35" spans="1:19" ht="33" customHeight="1">
      <c r="A35" s="380" t="s">
        <v>293</v>
      </c>
      <c r="B35" s="380"/>
      <c r="C35" s="380"/>
      <c r="D35" s="380"/>
      <c r="E35" s="389" t="s">
        <v>388</v>
      </c>
      <c r="F35" s="390"/>
      <c r="G35" s="390"/>
      <c r="H35" s="390"/>
      <c r="I35" s="390"/>
      <c r="J35" s="390"/>
      <c r="K35" s="391"/>
    </row>
    <row r="36" spans="1:19" ht="57.75" customHeight="1">
      <c r="A36" s="37" t="s">
        <v>85</v>
      </c>
      <c r="B36" s="38" t="s">
        <v>86</v>
      </c>
      <c r="C36" s="39" t="s">
        <v>87</v>
      </c>
      <c r="D36" s="40" t="s">
        <v>88</v>
      </c>
      <c r="E36" s="65" t="s">
        <v>86</v>
      </c>
      <c r="F36" s="65" t="s">
        <v>331</v>
      </c>
      <c r="G36" s="88" t="s">
        <v>334</v>
      </c>
      <c r="H36" s="65" t="s">
        <v>332</v>
      </c>
      <c r="I36" s="88" t="s">
        <v>335</v>
      </c>
      <c r="J36" s="65" t="s">
        <v>333</v>
      </c>
      <c r="K36" s="88" t="s">
        <v>336</v>
      </c>
    </row>
    <row r="37" spans="1:19" ht="84">
      <c r="A37" s="41"/>
      <c r="B37" s="42" t="s">
        <v>89</v>
      </c>
      <c r="C37" s="43" t="s">
        <v>423</v>
      </c>
      <c r="D37" s="44" t="s">
        <v>91</v>
      </c>
      <c r="E37" s="68" t="s">
        <v>89</v>
      </c>
      <c r="F37" s="68" t="s">
        <v>385</v>
      </c>
      <c r="G37" s="90" t="s">
        <v>104</v>
      </c>
      <c r="H37" s="68" t="s">
        <v>386</v>
      </c>
      <c r="I37" s="90" t="s">
        <v>104</v>
      </c>
      <c r="J37" s="68" t="s">
        <v>387</v>
      </c>
      <c r="K37" s="90" t="s">
        <v>104</v>
      </c>
    </row>
    <row r="38" spans="1:19">
      <c r="A38" s="45" t="s">
        <v>424</v>
      </c>
      <c r="B38" s="142">
        <v>8499</v>
      </c>
      <c r="C38" s="84">
        <v>7</v>
      </c>
      <c r="D38" s="85">
        <v>3.9199999999999999E-2</v>
      </c>
      <c r="E38" s="83">
        <v>8499</v>
      </c>
      <c r="F38" s="98">
        <v>0.375</v>
      </c>
      <c r="G38" s="94">
        <v>1.0500577029469939E-2</v>
      </c>
      <c r="H38" s="98">
        <v>0.29199999999999998</v>
      </c>
      <c r="I38" s="94">
        <v>9.8626745175174474E-3</v>
      </c>
      <c r="J38" s="98">
        <v>0.33300000000000002</v>
      </c>
      <c r="K38" s="94">
        <v>1.0222440351509997E-2</v>
      </c>
    </row>
    <row r="39" spans="1:19">
      <c r="A39" s="49" t="s">
        <v>425</v>
      </c>
      <c r="B39" s="49">
        <v>7903</v>
      </c>
      <c r="C39" s="144">
        <v>6.98</v>
      </c>
      <c r="D39" s="145">
        <v>3.9199999999999999E-2</v>
      </c>
      <c r="E39" s="122">
        <v>7903</v>
      </c>
      <c r="F39" s="140">
        <v>0.38</v>
      </c>
      <c r="G39" s="97">
        <v>1.0917550105584376E-2</v>
      </c>
      <c r="H39" s="141">
        <v>0.28899999999999998</v>
      </c>
      <c r="I39" s="97">
        <v>1.0196601185226134E-2</v>
      </c>
      <c r="J39" s="141">
        <v>0.33100000000000002</v>
      </c>
      <c r="K39" s="97">
        <v>1.0584723311543207E-2</v>
      </c>
    </row>
    <row r="40" spans="1:19">
      <c r="A40" s="45" t="s">
        <v>426</v>
      </c>
      <c r="B40" s="53">
        <v>762</v>
      </c>
      <c r="C40" s="84">
        <v>6.6</v>
      </c>
      <c r="D40" s="85">
        <v>0.15679999999999999</v>
      </c>
      <c r="E40" s="83">
        <v>762</v>
      </c>
      <c r="F40" s="98">
        <v>0.43330000000000002</v>
      </c>
      <c r="G40" s="94">
        <v>3.5811914545822561E-2</v>
      </c>
      <c r="H40" s="98">
        <v>0.31990000000000002</v>
      </c>
      <c r="I40" s="94">
        <v>3.3732309960219774E-2</v>
      </c>
      <c r="J40" s="98">
        <v>0.2467</v>
      </c>
      <c r="K40" s="94">
        <v>3.1207839281605552E-2</v>
      </c>
    </row>
    <row r="41" spans="1:19">
      <c r="A41" s="49" t="s">
        <v>427</v>
      </c>
      <c r="B41" s="49">
        <v>6168</v>
      </c>
      <c r="C41" s="144">
        <v>7</v>
      </c>
      <c r="D41" s="145">
        <v>0</v>
      </c>
      <c r="E41" s="122">
        <v>6168</v>
      </c>
      <c r="F41" s="140">
        <v>0.375</v>
      </c>
      <c r="G41" s="97">
        <v>1.2325127955770326E-2</v>
      </c>
      <c r="H41" s="141">
        <v>0.29199999999999998</v>
      </c>
      <c r="I41" s="97">
        <v>1.1576678334891443E-2</v>
      </c>
      <c r="J41" s="141">
        <v>0.33300000000000002</v>
      </c>
      <c r="K41" s="97">
        <v>1.1998788482437002E-2</v>
      </c>
    </row>
    <row r="42" spans="1:19">
      <c r="A42" s="45" t="s">
        <v>428</v>
      </c>
      <c r="B42" s="53">
        <v>2333</v>
      </c>
      <c r="C42" s="84">
        <v>7.2</v>
      </c>
      <c r="D42" s="85">
        <v>0</v>
      </c>
      <c r="E42" s="83">
        <v>2333</v>
      </c>
      <c r="F42" s="98">
        <v>0.34300000000000003</v>
      </c>
      <c r="G42" s="94">
        <v>1.9643171392978973E-2</v>
      </c>
      <c r="H42" s="98">
        <v>0.28499999999999998</v>
      </c>
      <c r="I42" s="94">
        <v>1.8682909140295401E-2</v>
      </c>
      <c r="J42" s="98">
        <v>0.372</v>
      </c>
      <c r="K42" s="94">
        <v>1.999880345508738E-2</v>
      </c>
    </row>
    <row r="43" spans="1:19">
      <c r="A43" s="49" t="s">
        <v>429</v>
      </c>
      <c r="B43" s="49">
        <v>561</v>
      </c>
      <c r="C43" s="144">
        <v>7</v>
      </c>
      <c r="D43" s="145">
        <v>0.19600000000000001</v>
      </c>
      <c r="E43" s="122">
        <v>561</v>
      </c>
      <c r="F43" s="140">
        <v>0.36</v>
      </c>
      <c r="G43" s="97">
        <v>4.0411734013527996E-2</v>
      </c>
      <c r="H43" s="141">
        <v>0.27300000000000002</v>
      </c>
      <c r="I43" s="97">
        <v>3.7553316100165671E-2</v>
      </c>
      <c r="J43" s="141">
        <v>0.36699999999999999</v>
      </c>
      <c r="K43" s="97">
        <v>4.0576428670824255E-2</v>
      </c>
    </row>
    <row r="44" spans="1:19">
      <c r="A44" s="45" t="s">
        <v>430</v>
      </c>
      <c r="B44" s="53">
        <v>1484</v>
      </c>
      <c r="C44" s="84">
        <v>7.2</v>
      </c>
      <c r="D44" s="85">
        <v>0.19600000000000001</v>
      </c>
      <c r="E44" s="83">
        <v>1484</v>
      </c>
      <c r="F44" s="98">
        <v>0.33400000000000002</v>
      </c>
      <c r="G44" s="94">
        <v>2.4461509781309409E-2</v>
      </c>
      <c r="H44" s="98">
        <v>0.30099999999999999</v>
      </c>
      <c r="I44" s="94">
        <v>2.3794122706290902E-2</v>
      </c>
      <c r="J44" s="98">
        <v>0.36499999999999999</v>
      </c>
      <c r="K44" s="94">
        <v>2.4966259606567367E-2</v>
      </c>
    </row>
    <row r="45" spans="1:19">
      <c r="A45" s="49" t="s">
        <v>431</v>
      </c>
      <c r="B45" s="49">
        <v>216</v>
      </c>
      <c r="C45" s="144">
        <v>6.6</v>
      </c>
      <c r="D45" s="145">
        <v>0.39200000000000002</v>
      </c>
      <c r="E45" s="122">
        <v>216</v>
      </c>
      <c r="F45" s="140">
        <v>0.46100000000000002</v>
      </c>
      <c r="G45" s="97">
        <v>6.7221994003720337E-2</v>
      </c>
      <c r="H45" s="141">
        <v>0.22800000000000001</v>
      </c>
      <c r="I45" s="97">
        <v>5.6997905823103573E-2</v>
      </c>
      <c r="J45" s="141">
        <v>0.31</v>
      </c>
      <c r="K45" s="97">
        <v>6.2551912024904954E-2</v>
      </c>
    </row>
    <row r="46" spans="1:19">
      <c r="A46" s="45" t="s">
        <v>432</v>
      </c>
      <c r="B46" s="53">
        <v>517</v>
      </c>
      <c r="C46" s="84">
        <v>6.9</v>
      </c>
      <c r="D46" s="85">
        <v>0.19600000000000001</v>
      </c>
      <c r="E46" s="83">
        <v>517</v>
      </c>
      <c r="F46" s="98">
        <v>0.35599999999999998</v>
      </c>
      <c r="G46" s="94">
        <v>4.1983561429242054E-2</v>
      </c>
      <c r="H46" s="98">
        <v>0.35299999999999998</v>
      </c>
      <c r="I46" s="94">
        <v>4.1904885841602908E-2</v>
      </c>
      <c r="J46" s="98">
        <v>0.29099999999999998</v>
      </c>
      <c r="K46" s="94">
        <v>3.9864179271475231E-2</v>
      </c>
    </row>
    <row r="47" spans="1:19">
      <c r="A47" s="49" t="s">
        <v>433</v>
      </c>
      <c r="B47" s="49">
        <v>662</v>
      </c>
      <c r="C47" s="144">
        <v>7.3</v>
      </c>
      <c r="D47" s="145">
        <v>0.19600000000000001</v>
      </c>
      <c r="E47" s="122">
        <v>662</v>
      </c>
      <c r="F47" s="140">
        <v>0.316</v>
      </c>
      <c r="G47" s="97">
        <v>3.6063795444603197E-2</v>
      </c>
      <c r="H47" s="141">
        <v>0.28299999999999997</v>
      </c>
      <c r="I47" s="97">
        <v>3.4958141854032884E-2</v>
      </c>
      <c r="J47" s="141">
        <v>0.40100000000000002</v>
      </c>
      <c r="K47" s="97">
        <v>3.7991335837539428E-2</v>
      </c>
    </row>
    <row r="48" spans="1:19">
      <c r="A48" s="45" t="s">
        <v>434</v>
      </c>
      <c r="B48" s="142">
        <v>917</v>
      </c>
      <c r="C48" s="84">
        <v>7.7</v>
      </c>
      <c r="D48" s="85">
        <v>0.19600000000000001</v>
      </c>
      <c r="E48" s="83">
        <v>917</v>
      </c>
      <c r="F48" s="98">
        <v>0.28499999999999998</v>
      </c>
      <c r="G48" s="94">
        <v>2.9778454355813676E-2</v>
      </c>
      <c r="H48" s="98">
        <v>0.24299999999999999</v>
      </c>
      <c r="I48" s="94">
        <v>2.83090950554464E-2</v>
      </c>
      <c r="J48" s="98">
        <v>0.47299999999999998</v>
      </c>
      <c r="K48" s="94">
        <v>3.2903459517113771E-2</v>
      </c>
    </row>
    <row r="49" spans="1:22">
      <c r="A49" s="49" t="s">
        <v>435</v>
      </c>
      <c r="B49" s="143">
        <v>677</v>
      </c>
      <c r="C49" s="144">
        <v>7.2</v>
      </c>
      <c r="D49" s="145">
        <v>0.19600000000000001</v>
      </c>
      <c r="E49" s="122">
        <v>677</v>
      </c>
      <c r="F49" s="140">
        <v>0.34899999999999998</v>
      </c>
      <c r="G49" s="97">
        <v>3.6552303282358714E-2</v>
      </c>
      <c r="H49" s="141">
        <v>0.27</v>
      </c>
      <c r="I49" s="97">
        <v>3.4078566388862808E-2</v>
      </c>
      <c r="J49" s="141">
        <v>0.38100000000000001</v>
      </c>
      <c r="K49" s="97">
        <v>3.7232047427456158E-2</v>
      </c>
    </row>
    <row r="50" spans="1:22">
      <c r="A50" s="45" t="s">
        <v>436</v>
      </c>
      <c r="B50" s="83">
        <v>125</v>
      </c>
      <c r="C50" s="84">
        <v>7.1</v>
      </c>
      <c r="D50" s="85">
        <v>0.39200000000000002</v>
      </c>
      <c r="E50" s="83">
        <v>125</v>
      </c>
      <c r="F50" s="98">
        <v>0.41599999999999998</v>
      </c>
      <c r="G50" s="94">
        <v>8.687062414391028E-2</v>
      </c>
      <c r="H50" s="98">
        <v>0.245</v>
      </c>
      <c r="I50" s="94">
        <v>7.6542542836146435E-2</v>
      </c>
      <c r="J50" s="98">
        <v>0.33900000000000002</v>
      </c>
      <c r="K50" s="94">
        <v>8.3649616472384017E-2</v>
      </c>
    </row>
    <row r="51" spans="1:22">
      <c r="A51" s="49" t="s">
        <v>437</v>
      </c>
      <c r="B51" s="143">
        <v>137</v>
      </c>
      <c r="C51" s="144">
        <v>7.2</v>
      </c>
      <c r="D51" s="145">
        <v>0.39200000000000002</v>
      </c>
      <c r="E51" s="122">
        <v>137</v>
      </c>
      <c r="F51" s="140">
        <v>0.33600000000000002</v>
      </c>
      <c r="G51" s="97">
        <v>7.9823985195998814E-2</v>
      </c>
      <c r="H51" s="141">
        <v>0.29399999999999998</v>
      </c>
      <c r="I51" s="97">
        <v>7.7173023675343885E-2</v>
      </c>
      <c r="J51" s="141">
        <v>0.37</v>
      </c>
      <c r="K51" s="97">
        <v>8.148363005292529E-2</v>
      </c>
    </row>
    <row r="52" spans="1:22">
      <c r="A52" s="45" t="s">
        <v>438</v>
      </c>
      <c r="B52" s="142">
        <v>232</v>
      </c>
      <c r="C52" s="84">
        <v>7.1</v>
      </c>
      <c r="D52" s="85">
        <v>0.19600000000000001</v>
      </c>
      <c r="E52" s="83">
        <v>232</v>
      </c>
      <c r="F52" s="98">
        <v>0.36499999999999999</v>
      </c>
      <c r="G52" s="94">
        <v>6.2759638471816911E-2</v>
      </c>
      <c r="H52" s="98">
        <v>0.251</v>
      </c>
      <c r="I52" s="94">
        <v>5.6760411954947798E-2</v>
      </c>
      <c r="J52" s="98">
        <v>0.38400000000000001</v>
      </c>
      <c r="K52" s="94">
        <v>6.3378907633662843E-2</v>
      </c>
    </row>
    <row r="53" spans="1:22">
      <c r="A53" s="49" t="s">
        <v>439</v>
      </c>
      <c r="B53" s="143">
        <v>377</v>
      </c>
      <c r="C53" s="144">
        <v>7</v>
      </c>
      <c r="D53" s="145">
        <v>0.19600000000000001</v>
      </c>
      <c r="E53" s="122">
        <v>377</v>
      </c>
      <c r="F53" s="140">
        <v>0.375</v>
      </c>
      <c r="G53" s="97">
        <v>4.9639261592854388E-2</v>
      </c>
      <c r="H53" s="141">
        <v>0.27800000000000002</v>
      </c>
      <c r="I53" s="97">
        <v>4.6022407237165067E-2</v>
      </c>
      <c r="J53" s="141">
        <v>0.34799999999999998</v>
      </c>
      <c r="K53" s="97">
        <v>4.8858741890376076E-2</v>
      </c>
    </row>
    <row r="54" spans="1:22">
      <c r="A54" s="45" t="s">
        <v>440</v>
      </c>
      <c r="B54" s="142">
        <v>389</v>
      </c>
      <c r="C54" s="84">
        <v>7.5</v>
      </c>
      <c r="D54" s="85">
        <v>0.19600000000000001</v>
      </c>
      <c r="E54" s="83">
        <v>389</v>
      </c>
      <c r="F54" s="98">
        <v>0.26500000000000001</v>
      </c>
      <c r="G54" s="94">
        <v>4.4652284196055228E-2</v>
      </c>
      <c r="H54" s="98">
        <v>0.33700000000000002</v>
      </c>
      <c r="I54" s="94">
        <v>4.7744985470595351E-2</v>
      </c>
      <c r="J54" s="98">
        <v>0.39800000000000002</v>
      </c>
      <c r="K54" s="94">
        <v>4.9404258396968458E-2</v>
      </c>
    </row>
    <row r="55" spans="1:22">
      <c r="A55" s="49" t="s">
        <v>441</v>
      </c>
      <c r="B55" s="143">
        <v>267</v>
      </c>
      <c r="C55" s="144">
        <v>7</v>
      </c>
      <c r="D55" s="145">
        <v>0.19600000000000001</v>
      </c>
      <c r="E55" s="122">
        <v>267</v>
      </c>
      <c r="F55" s="140">
        <v>0.35099999999999998</v>
      </c>
      <c r="G55" s="97">
        <v>5.806848524716484E-2</v>
      </c>
      <c r="H55" s="141">
        <v>0.316</v>
      </c>
      <c r="I55" s="97">
        <v>5.6612369162045699E-2</v>
      </c>
      <c r="J55" s="141">
        <v>0.33300000000000002</v>
      </c>
      <c r="K55" s="97">
        <v>5.7362473501505556E-2</v>
      </c>
    </row>
    <row r="56" spans="1:22">
      <c r="A56" s="45" t="s">
        <v>442</v>
      </c>
      <c r="B56" s="142">
        <v>709</v>
      </c>
      <c r="C56" s="84">
        <v>7.2</v>
      </c>
      <c r="D56" s="85">
        <v>0.19600000000000001</v>
      </c>
      <c r="E56" s="83">
        <v>709</v>
      </c>
      <c r="F56" s="98">
        <v>0.34</v>
      </c>
      <c r="G56" s="94">
        <v>3.5503703167988086E-2</v>
      </c>
      <c r="H56" s="98">
        <v>0.28999999999999998</v>
      </c>
      <c r="I56" s="94">
        <v>3.4027744038142974E-2</v>
      </c>
      <c r="J56" s="98">
        <v>0.37</v>
      </c>
      <c r="K56" s="94">
        <v>3.6176991240434477E-2</v>
      </c>
    </row>
    <row r="57" spans="1:22">
      <c r="A57" s="49" t="s">
        <v>443</v>
      </c>
      <c r="B57" s="143">
        <v>946</v>
      </c>
      <c r="C57" s="144">
        <v>7.2</v>
      </c>
      <c r="D57" s="145">
        <v>0.19600000000000001</v>
      </c>
      <c r="E57" s="122">
        <v>946</v>
      </c>
      <c r="F57" s="140">
        <v>0.32700000000000001</v>
      </c>
      <c r="G57" s="97">
        <v>3.0457736245629603E-2</v>
      </c>
      <c r="H57" s="141">
        <v>0.30599999999999999</v>
      </c>
      <c r="I57" s="97">
        <v>2.9924836894833499E-2</v>
      </c>
      <c r="J57" s="141">
        <v>0.36699999999999999</v>
      </c>
      <c r="K57" s="97">
        <v>3.1285419264032818E-2</v>
      </c>
    </row>
    <row r="58" spans="1:22">
      <c r="A58" s="45" t="s">
        <v>444</v>
      </c>
      <c r="B58" s="142">
        <v>261</v>
      </c>
      <c r="C58" s="84">
        <v>7.1</v>
      </c>
      <c r="D58" s="85">
        <v>0.19600000000000001</v>
      </c>
      <c r="E58" s="83">
        <v>261</v>
      </c>
      <c r="F58" s="98">
        <v>0.34599999999999997</v>
      </c>
      <c r="G58" s="94">
        <v>5.8534885748476893E-2</v>
      </c>
      <c r="H58" s="98">
        <v>0.25</v>
      </c>
      <c r="I58" s="94">
        <v>5.3464508066466694E-2</v>
      </c>
      <c r="J58" s="98">
        <v>0.40300000000000002</v>
      </c>
      <c r="K58" s="94">
        <v>6.0297739441971053E-2</v>
      </c>
    </row>
    <row r="59" spans="1:22">
      <c r="A59" s="49" t="s">
        <v>445</v>
      </c>
      <c r="B59" s="143">
        <v>180</v>
      </c>
      <c r="C59" s="144">
        <v>7.3</v>
      </c>
      <c r="D59" s="145">
        <v>0.39200000000000002</v>
      </c>
      <c r="E59" s="122">
        <v>180</v>
      </c>
      <c r="F59" s="140">
        <v>0.33600000000000002</v>
      </c>
      <c r="G59" s="97">
        <v>6.9822862913372266E-2</v>
      </c>
      <c r="H59" s="141">
        <v>0.35</v>
      </c>
      <c r="I59" s="97">
        <v>7.0474729914383499E-2</v>
      </c>
      <c r="J59" s="141">
        <v>0.314</v>
      </c>
      <c r="K59" s="97">
        <v>6.8666146363748765E-2</v>
      </c>
    </row>
    <row r="60" spans="1:22">
      <c r="A60" s="45" t="s">
        <v>446</v>
      </c>
      <c r="B60" s="142">
        <v>153</v>
      </c>
      <c r="C60" s="84">
        <v>7.1</v>
      </c>
      <c r="D60" s="85">
        <v>0.39200000000000002</v>
      </c>
      <c r="E60" s="83">
        <v>153</v>
      </c>
      <c r="F60" s="98">
        <v>0.377</v>
      </c>
      <c r="G60" s="94">
        <v>7.7481386138559122E-2</v>
      </c>
      <c r="H60" s="98">
        <v>0.23699999999999999</v>
      </c>
      <c r="I60" s="94">
        <v>6.8525997948318734E-2</v>
      </c>
      <c r="J60" s="98">
        <v>0.38600000000000001</v>
      </c>
      <c r="K60" s="94">
        <v>7.7813721823135756E-2</v>
      </c>
    </row>
    <row r="61" spans="1:22" s="248" customFormat="1">
      <c r="A61" s="49" t="s">
        <v>447</v>
      </c>
      <c r="B61" s="143">
        <v>76</v>
      </c>
      <c r="C61" s="144">
        <v>7.2</v>
      </c>
      <c r="D61" s="145">
        <v>0.58799999999999997</v>
      </c>
      <c r="E61" s="122">
        <v>76</v>
      </c>
      <c r="F61" s="140">
        <v>0.40699999999999997</v>
      </c>
      <c r="G61" s="97">
        <v>0.11004414511912934</v>
      </c>
      <c r="H61" s="141">
        <v>0.2</v>
      </c>
      <c r="I61" s="97">
        <v>9.1862669240557124E-2</v>
      </c>
      <c r="J61" s="141">
        <v>0.39300000000000002</v>
      </c>
      <c r="K61" s="97">
        <v>0.10946855199097137</v>
      </c>
    </row>
    <row r="62" spans="1:22" s="248" customFormat="1">
      <c r="A62" s="241"/>
      <c r="B62" s="242"/>
      <c r="C62" s="243"/>
      <c r="D62" s="244"/>
      <c r="E62" s="245"/>
      <c r="F62" s="246"/>
      <c r="G62" s="247"/>
      <c r="H62" s="246"/>
      <c r="I62" s="247"/>
    </row>
    <row r="63" spans="1:22" ht="18.75">
      <c r="A63" s="335" t="s">
        <v>294</v>
      </c>
      <c r="B63" s="335"/>
      <c r="C63" s="335"/>
      <c r="D63" s="335"/>
      <c r="E63" s="335"/>
      <c r="F63" s="335"/>
      <c r="G63" s="335"/>
      <c r="H63" s="335"/>
      <c r="I63" s="335"/>
      <c r="J63" s="335"/>
      <c r="K63" s="335"/>
      <c r="L63" s="335"/>
      <c r="M63" s="335"/>
      <c r="N63" s="335"/>
      <c r="O63" s="335"/>
      <c r="P63" s="335"/>
      <c r="Q63" s="335"/>
      <c r="R63" s="335"/>
      <c r="S63" s="335"/>
      <c r="T63" s="335"/>
      <c r="U63" s="335"/>
      <c r="V63" s="335"/>
    </row>
    <row r="64" spans="1:22" ht="73.5" customHeight="1">
      <c r="A64" s="382" t="s">
        <v>509</v>
      </c>
      <c r="B64" s="382"/>
      <c r="C64" s="382"/>
      <c r="D64" s="382"/>
      <c r="E64" s="382"/>
      <c r="F64" s="382"/>
      <c r="G64" s="382"/>
      <c r="H64" s="382"/>
      <c r="I64" s="382"/>
      <c r="J64" s="382"/>
      <c r="K64" s="382"/>
      <c r="L64" s="382"/>
      <c r="M64" s="382"/>
      <c r="N64" s="382"/>
      <c r="O64" s="382"/>
      <c r="P64" s="382"/>
      <c r="Q64" s="382"/>
      <c r="R64" s="382"/>
      <c r="S64" s="382"/>
      <c r="T64" s="382"/>
      <c r="U64" s="382"/>
      <c r="V64" s="382"/>
    </row>
    <row r="65" spans="1:22" ht="57.75" customHeight="1">
      <c r="A65" s="240"/>
      <c r="B65" s="381" t="s">
        <v>337</v>
      </c>
      <c r="C65" s="381"/>
      <c r="D65" s="381"/>
      <c r="E65" s="381"/>
      <c r="F65" s="381"/>
      <c r="G65" s="381"/>
      <c r="H65" s="381"/>
      <c r="I65" s="381" t="s">
        <v>338</v>
      </c>
      <c r="J65" s="381"/>
      <c r="K65" s="381"/>
      <c r="L65" s="381"/>
      <c r="M65" s="381"/>
      <c r="N65" s="381"/>
      <c r="O65" s="381"/>
      <c r="P65" s="381" t="s">
        <v>339</v>
      </c>
      <c r="Q65" s="381"/>
      <c r="R65" s="381"/>
      <c r="S65" s="381"/>
      <c r="T65" s="381"/>
      <c r="U65" s="381"/>
      <c r="V65" s="381"/>
    </row>
    <row r="66" spans="1:22" ht="44.25" customHeight="1">
      <c r="A66" s="37" t="s">
        <v>85</v>
      </c>
      <c r="B66" s="38" t="s">
        <v>86</v>
      </c>
      <c r="C66" s="38" t="s">
        <v>295</v>
      </c>
      <c r="D66" s="89" t="s">
        <v>298</v>
      </c>
      <c r="E66" s="38" t="s">
        <v>297</v>
      </c>
      <c r="F66" s="89" t="s">
        <v>299</v>
      </c>
      <c r="G66" s="38" t="s">
        <v>296</v>
      </c>
      <c r="H66" s="89" t="s">
        <v>300</v>
      </c>
      <c r="I66" s="65" t="s">
        <v>86</v>
      </c>
      <c r="J66" s="65" t="s">
        <v>301</v>
      </c>
      <c r="K66" s="88" t="s">
        <v>302</v>
      </c>
      <c r="L66" s="65" t="s">
        <v>303</v>
      </c>
      <c r="M66" s="88" t="s">
        <v>304</v>
      </c>
      <c r="N66" s="65" t="s">
        <v>305</v>
      </c>
      <c r="O66" s="88" t="s">
        <v>306</v>
      </c>
      <c r="P66" s="38" t="s">
        <v>86</v>
      </c>
      <c r="Q66" s="38" t="s">
        <v>307</v>
      </c>
      <c r="R66" s="89" t="s">
        <v>308</v>
      </c>
      <c r="S66" s="38" t="s">
        <v>309</v>
      </c>
      <c r="T66" s="89" t="s">
        <v>310</v>
      </c>
      <c r="U66" s="38" t="s">
        <v>311</v>
      </c>
      <c r="V66" s="89" t="s">
        <v>312</v>
      </c>
    </row>
    <row r="67" spans="1:22" ht="72">
      <c r="A67" s="41"/>
      <c r="B67" s="42" t="s">
        <v>89</v>
      </c>
      <c r="C67" s="42" t="s">
        <v>389</v>
      </c>
      <c r="D67" s="91" t="s">
        <v>104</v>
      </c>
      <c r="E67" s="42" t="s">
        <v>390</v>
      </c>
      <c r="F67" s="91" t="s">
        <v>104</v>
      </c>
      <c r="G67" s="42" t="s">
        <v>391</v>
      </c>
      <c r="H67" s="91" t="s">
        <v>104</v>
      </c>
      <c r="I67" s="68" t="s">
        <v>89</v>
      </c>
      <c r="J67" s="68" t="s">
        <v>389</v>
      </c>
      <c r="K67" s="90" t="s">
        <v>104</v>
      </c>
      <c r="L67" s="68" t="s">
        <v>390</v>
      </c>
      <c r="M67" s="90" t="s">
        <v>104</v>
      </c>
      <c r="N67" s="68" t="s">
        <v>391</v>
      </c>
      <c r="O67" s="90" t="s">
        <v>104</v>
      </c>
      <c r="P67" s="42" t="s">
        <v>89</v>
      </c>
      <c r="Q67" s="42" t="s">
        <v>389</v>
      </c>
      <c r="R67" s="91" t="s">
        <v>104</v>
      </c>
      <c r="S67" s="42" t="s">
        <v>390</v>
      </c>
      <c r="T67" s="91" t="s">
        <v>104</v>
      </c>
      <c r="U67" s="42" t="s">
        <v>391</v>
      </c>
      <c r="V67" s="91" t="s">
        <v>104</v>
      </c>
    </row>
    <row r="68" spans="1:22">
      <c r="A68" s="45" t="s">
        <v>424</v>
      </c>
      <c r="B68" s="83">
        <v>8484</v>
      </c>
      <c r="C68" s="98">
        <v>0.32</v>
      </c>
      <c r="D68" s="94">
        <v>1.0127149474162347E-2</v>
      </c>
      <c r="E68" s="98">
        <v>0.39400000000000002</v>
      </c>
      <c r="F68" s="94">
        <v>1.0607703252415128E-2</v>
      </c>
      <c r="G68" s="98">
        <v>0.28699999999999998</v>
      </c>
      <c r="H68" s="94">
        <v>9.8210604486161854E-3</v>
      </c>
      <c r="I68" s="83">
        <v>8425</v>
      </c>
      <c r="J68" s="98">
        <v>0.78900000000000003</v>
      </c>
      <c r="K68" s="94">
        <v>8.8904766373461511E-3</v>
      </c>
      <c r="L68" s="98">
        <v>0.155</v>
      </c>
      <c r="M68" s="94">
        <v>7.8872088091317093E-3</v>
      </c>
      <c r="N68" s="98">
        <v>5.6000000000000001E-2</v>
      </c>
      <c r="O68" s="94">
        <v>5.0175186383312033E-3</v>
      </c>
      <c r="P68" s="83">
        <v>8428</v>
      </c>
      <c r="Q68" s="98">
        <v>0.875</v>
      </c>
      <c r="R68" s="94">
        <v>7.2075620688279345E-3</v>
      </c>
      <c r="S68" s="98">
        <v>8.8999999999999996E-2</v>
      </c>
      <c r="T68" s="94">
        <v>6.2079411632591482E-3</v>
      </c>
      <c r="U68" s="98">
        <v>3.6999999999999998E-2</v>
      </c>
      <c r="V68" s="94">
        <v>4.1230100085499575E-3</v>
      </c>
    </row>
    <row r="69" spans="1:22">
      <c r="A69" s="49" t="s">
        <v>425</v>
      </c>
      <c r="B69" s="148">
        <v>7888</v>
      </c>
      <c r="C69" s="150">
        <v>0.316</v>
      </c>
      <c r="D69" s="97">
        <v>1.0467489084355273E-2</v>
      </c>
      <c r="E69" s="150">
        <v>0.40400000000000003</v>
      </c>
      <c r="F69" s="97">
        <v>1.1047364730406279E-2</v>
      </c>
      <c r="G69" s="150">
        <v>0.28100000000000003</v>
      </c>
      <c r="H69" s="97">
        <v>1.0120600826100718E-2</v>
      </c>
      <c r="I69" s="148">
        <v>7833</v>
      </c>
      <c r="J69" s="150">
        <v>0.79200000000000004</v>
      </c>
      <c r="K69" s="97">
        <v>9.1719990184560909E-3</v>
      </c>
      <c r="L69" s="150">
        <v>0.153</v>
      </c>
      <c r="M69" s="97">
        <v>8.1366999405030546E-3</v>
      </c>
      <c r="N69" s="150">
        <v>5.5E-2</v>
      </c>
      <c r="O69" s="97">
        <v>5.1605383290471638E-3</v>
      </c>
      <c r="P69" s="148">
        <v>7837</v>
      </c>
      <c r="Q69" s="150">
        <v>0.88200000000000001</v>
      </c>
      <c r="R69" s="97">
        <v>7.2917185617857117E-3</v>
      </c>
      <c r="S69" s="150">
        <v>0.08</v>
      </c>
      <c r="T69" s="97">
        <v>6.1349833936778777E-3</v>
      </c>
      <c r="U69" s="150">
        <v>3.7999999999999999E-2</v>
      </c>
      <c r="V69" s="97">
        <v>4.3312478023080133E-3</v>
      </c>
    </row>
    <row r="70" spans="1:22">
      <c r="A70" s="45" t="s">
        <v>426</v>
      </c>
      <c r="B70" s="83">
        <v>761</v>
      </c>
      <c r="C70" s="98">
        <v>0.3674</v>
      </c>
      <c r="D70" s="94">
        <v>3.4874237643047236E-2</v>
      </c>
      <c r="E70" s="98">
        <v>0.40589999999999998</v>
      </c>
      <c r="F70" s="94">
        <v>3.5515810507105915E-2</v>
      </c>
      <c r="G70" s="98">
        <v>0.22670000000000001</v>
      </c>
      <c r="H70" s="94">
        <v>3.034323648043747E-2</v>
      </c>
      <c r="I70" s="83">
        <v>756</v>
      </c>
      <c r="J70" s="98">
        <v>0.76900000000000002</v>
      </c>
      <c r="K70" s="94">
        <v>3.0642135616535424E-2</v>
      </c>
      <c r="L70" s="98">
        <v>0.15640000000000001</v>
      </c>
      <c r="M70" s="94">
        <v>2.6475263187466229E-2</v>
      </c>
      <c r="N70" s="98">
        <v>7.4700000000000003E-2</v>
      </c>
      <c r="O70" s="94">
        <v>1.9333486142273235E-2</v>
      </c>
      <c r="P70" s="83">
        <v>757</v>
      </c>
      <c r="Q70" s="98">
        <v>0.86240000000000006</v>
      </c>
      <c r="R70" s="94">
        <v>2.5119243137427246E-2</v>
      </c>
      <c r="S70" s="98">
        <v>9.6299999999999997E-2</v>
      </c>
      <c r="T70" s="94">
        <v>2.1596596021918667E-2</v>
      </c>
      <c r="U70" s="98">
        <v>4.1300000000000003E-2</v>
      </c>
      <c r="V70" s="94">
        <v>1.4822716390196762E-2</v>
      </c>
    </row>
    <row r="71" spans="1:22">
      <c r="A71" s="49" t="s">
        <v>427</v>
      </c>
      <c r="B71" s="148">
        <v>6157</v>
      </c>
      <c r="C71" s="150">
        <v>0.32</v>
      </c>
      <c r="D71" s="97">
        <v>1.1887096891631626E-2</v>
      </c>
      <c r="E71" s="150">
        <v>0.39300000000000002</v>
      </c>
      <c r="F71" s="97">
        <v>1.2445390834433087E-2</v>
      </c>
      <c r="G71" s="150">
        <v>0.28699999999999998</v>
      </c>
      <c r="H71" s="97">
        <v>1.1527963421769647E-2</v>
      </c>
      <c r="I71" s="148">
        <v>6110</v>
      </c>
      <c r="J71" s="150">
        <v>0.78900000000000003</v>
      </c>
      <c r="K71" s="97">
        <v>1.0439734654062045E-2</v>
      </c>
      <c r="L71" s="150">
        <v>0.155</v>
      </c>
      <c r="M71" s="97">
        <v>9.2623129721599619E-3</v>
      </c>
      <c r="N71" s="150">
        <v>5.6000000000000001E-2</v>
      </c>
      <c r="O71" s="97">
        <v>5.8952730590519182E-3</v>
      </c>
      <c r="P71" s="148">
        <v>6117</v>
      </c>
      <c r="Q71" s="150">
        <v>0.875</v>
      </c>
      <c r="R71" s="97">
        <v>8.4614015825956596E-3</v>
      </c>
      <c r="S71" s="150">
        <v>8.8999999999999996E-2</v>
      </c>
      <c r="T71" s="97">
        <v>7.2889217335609892E-3</v>
      </c>
      <c r="U71" s="150">
        <v>3.6999999999999998E-2</v>
      </c>
      <c r="V71" s="97">
        <v>4.8443226472805164E-3</v>
      </c>
    </row>
    <row r="72" spans="1:22">
      <c r="A72" s="45" t="s">
        <v>428</v>
      </c>
      <c r="B72" s="83">
        <v>2329</v>
      </c>
      <c r="C72" s="98">
        <v>0.29599999999999999</v>
      </c>
      <c r="D72" s="94">
        <v>1.8908337174652026E-2</v>
      </c>
      <c r="E72" s="98">
        <v>0.40400000000000003</v>
      </c>
      <c r="F72" s="94">
        <v>2.0319588674593374E-2</v>
      </c>
      <c r="G72" s="98">
        <v>0.3</v>
      </c>
      <c r="H72" s="94">
        <v>1.8981211856575916E-2</v>
      </c>
      <c r="I72" s="83">
        <v>2317</v>
      </c>
      <c r="J72" s="98">
        <v>0.80200000000000005</v>
      </c>
      <c r="K72" s="94">
        <v>1.6559273773230875E-2</v>
      </c>
      <c r="L72" s="98">
        <v>0.13800000000000001</v>
      </c>
      <c r="M72" s="94">
        <v>1.4345241039202409E-2</v>
      </c>
      <c r="N72" s="98">
        <v>0.06</v>
      </c>
      <c r="O72" s="94">
        <v>9.9170817837184299E-3</v>
      </c>
      <c r="P72" s="83">
        <v>2313</v>
      </c>
      <c r="Q72" s="98">
        <v>0.879</v>
      </c>
      <c r="R72" s="94">
        <v>1.3581991111152592E-2</v>
      </c>
      <c r="S72" s="98">
        <v>9.1999999999999998E-2</v>
      </c>
      <c r="T72" s="94">
        <v>1.2050122691055948E-2</v>
      </c>
      <c r="U72" s="98">
        <v>0.03</v>
      </c>
      <c r="V72" s="94">
        <v>7.1800389924303858E-3</v>
      </c>
    </row>
    <row r="73" spans="1:22">
      <c r="A73" s="49" t="s">
        <v>429</v>
      </c>
      <c r="B73" s="148">
        <v>560</v>
      </c>
      <c r="C73" s="150">
        <v>0.35299999999999998</v>
      </c>
      <c r="D73" s="97">
        <v>4.0273570141259943E-2</v>
      </c>
      <c r="E73" s="150">
        <v>0.39700000000000002</v>
      </c>
      <c r="F73" s="97">
        <v>4.1217374688372166E-2</v>
      </c>
      <c r="G73" s="150">
        <v>0.25</v>
      </c>
      <c r="H73" s="97">
        <v>3.6552049851576424E-2</v>
      </c>
      <c r="I73" s="148">
        <v>556</v>
      </c>
      <c r="J73" s="150">
        <v>0.79500000000000004</v>
      </c>
      <c r="K73" s="97">
        <v>3.4248438362176649E-2</v>
      </c>
      <c r="L73" s="150">
        <v>0.152</v>
      </c>
      <c r="M73" s="97">
        <v>3.054503447690533E-2</v>
      </c>
      <c r="N73" s="150">
        <v>5.2999999999999999E-2</v>
      </c>
      <c r="O73" s="97">
        <v>1.9463375854038491E-2</v>
      </c>
      <c r="P73" s="148">
        <v>557</v>
      </c>
      <c r="Q73" s="150">
        <v>0.877</v>
      </c>
      <c r="R73" s="97">
        <v>2.7991667891715949E-2</v>
      </c>
      <c r="S73" s="150">
        <v>8.7999999999999995E-2</v>
      </c>
      <c r="T73" s="97">
        <v>2.4278238936208757E-2</v>
      </c>
      <c r="U73" s="150">
        <v>3.5000000000000003E-2</v>
      </c>
      <c r="V73" s="97">
        <v>1.6208848591628355E-2</v>
      </c>
    </row>
    <row r="74" spans="1:22">
      <c r="A74" s="45" t="s">
        <v>430</v>
      </c>
      <c r="B74" s="83">
        <v>1482</v>
      </c>
      <c r="C74" s="98">
        <v>0.28299999999999997</v>
      </c>
      <c r="D74" s="94">
        <v>2.3385364636035837E-2</v>
      </c>
      <c r="E74" s="98">
        <v>0.40799999999999997</v>
      </c>
      <c r="F74" s="94">
        <v>2.5500719399448427E-2</v>
      </c>
      <c r="G74" s="98">
        <v>0.308</v>
      </c>
      <c r="H74" s="94">
        <v>2.3963531803533975E-2</v>
      </c>
      <c r="I74" s="83">
        <v>1474</v>
      </c>
      <c r="J74" s="98">
        <v>0.81200000000000006</v>
      </c>
      <c r="K74" s="94">
        <v>2.0360896935208907E-2</v>
      </c>
      <c r="L74" s="98">
        <v>0.13200000000000001</v>
      </c>
      <c r="M74" s="94">
        <v>1.766536180005894E-2</v>
      </c>
      <c r="N74" s="98">
        <v>5.6000000000000001E-2</v>
      </c>
      <c r="O74" s="94">
        <v>1.2081096972388275E-2</v>
      </c>
      <c r="P74" s="83">
        <v>1469</v>
      </c>
      <c r="Q74" s="98">
        <v>0.89200000000000002</v>
      </c>
      <c r="R74" s="94">
        <v>1.6244017569457269E-2</v>
      </c>
      <c r="S74" s="98">
        <v>8.4000000000000005E-2</v>
      </c>
      <c r="T74" s="94">
        <v>1.4542827832523921E-2</v>
      </c>
      <c r="U74" s="98">
        <v>2.4E-2</v>
      </c>
      <c r="V74" s="94">
        <v>8.1820568532217103E-3</v>
      </c>
    </row>
    <row r="75" spans="1:22">
      <c r="A75" s="49" t="s">
        <v>431</v>
      </c>
      <c r="B75" s="148">
        <v>216</v>
      </c>
      <c r="C75" s="150">
        <v>0.38300000000000001</v>
      </c>
      <c r="D75" s="97">
        <v>6.561655230877006E-2</v>
      </c>
      <c r="E75" s="150">
        <v>0.437</v>
      </c>
      <c r="F75" s="97">
        <v>6.6902101503426292E-2</v>
      </c>
      <c r="G75" s="150">
        <v>0.17899999999999999</v>
      </c>
      <c r="H75" s="97">
        <v>5.2340125805603065E-2</v>
      </c>
      <c r="I75" s="148">
        <v>216</v>
      </c>
      <c r="J75" s="150">
        <v>0.71599999999999997</v>
      </c>
      <c r="K75" s="97">
        <v>6.1055140256702299E-2</v>
      </c>
      <c r="L75" s="150">
        <v>0.19800000000000001</v>
      </c>
      <c r="M75" s="97">
        <v>5.4285835924009172E-2</v>
      </c>
      <c r="N75" s="150">
        <v>8.5999999999999993E-2</v>
      </c>
      <c r="O75" s="97">
        <v>3.9261343927229506E-2</v>
      </c>
      <c r="P75" s="148">
        <v>216</v>
      </c>
      <c r="Q75" s="150">
        <v>0.82899999999999996</v>
      </c>
      <c r="R75" s="97">
        <v>5.1462122737350333E-2</v>
      </c>
      <c r="S75" s="150">
        <v>0.16300000000000001</v>
      </c>
      <c r="T75" s="97">
        <v>5.0546690989098461E-2</v>
      </c>
      <c r="U75" s="150">
        <v>8.0000000000000002E-3</v>
      </c>
      <c r="V75" s="97">
        <v>1.7403398892537409E-2</v>
      </c>
    </row>
    <row r="76" spans="1:22">
      <c r="A76" s="45" t="s">
        <v>432</v>
      </c>
      <c r="B76" s="83">
        <v>517</v>
      </c>
      <c r="C76" s="98">
        <v>0.32900000000000001</v>
      </c>
      <c r="D76" s="94">
        <v>4.1210687028618263E-2</v>
      </c>
      <c r="E76" s="98">
        <v>0.42899999999999999</v>
      </c>
      <c r="F76" s="94">
        <v>4.3373670587055831E-2</v>
      </c>
      <c r="G76" s="98">
        <v>0.24199999999999999</v>
      </c>
      <c r="H76" s="94">
        <v>3.7631833257102232E-2</v>
      </c>
      <c r="I76" s="83">
        <v>512</v>
      </c>
      <c r="J76" s="98">
        <v>0.79600000000000004</v>
      </c>
      <c r="K76" s="94">
        <v>3.5626956361753392E-2</v>
      </c>
      <c r="L76" s="98">
        <v>0.14899999999999999</v>
      </c>
      <c r="M76" s="94">
        <v>3.1586191856314644E-2</v>
      </c>
      <c r="N76" s="98">
        <v>5.3999999999999999E-2</v>
      </c>
      <c r="O76" s="94">
        <v>2.0489364914636189E-2</v>
      </c>
      <c r="P76" s="83">
        <v>513</v>
      </c>
      <c r="Q76" s="98">
        <v>0.85799999999999998</v>
      </c>
      <c r="R76" s="94">
        <v>3.0950328136827236E-2</v>
      </c>
      <c r="S76" s="98">
        <v>0.111</v>
      </c>
      <c r="T76" s="94">
        <v>2.7955680046553862E-2</v>
      </c>
      <c r="U76" s="98">
        <v>0.03</v>
      </c>
      <c r="V76" s="94">
        <v>1.5858406035718146E-2</v>
      </c>
    </row>
    <row r="77" spans="1:22">
      <c r="A77" s="49" t="s">
        <v>433</v>
      </c>
      <c r="B77" s="148">
        <v>661</v>
      </c>
      <c r="C77" s="150">
        <v>0.27600000000000002</v>
      </c>
      <c r="D77" s="97">
        <v>3.4721301182347779E-2</v>
      </c>
      <c r="E77" s="150">
        <v>0.41799999999999998</v>
      </c>
      <c r="F77" s="97">
        <v>3.8259631207455021E-2</v>
      </c>
      <c r="G77" s="150">
        <v>0.30599999999999999</v>
      </c>
      <c r="H77" s="97">
        <v>3.5778382368338968E-2</v>
      </c>
      <c r="I77" s="148">
        <v>658</v>
      </c>
      <c r="J77" s="150">
        <v>0.82099999999999995</v>
      </c>
      <c r="K77" s="97">
        <v>2.9924421060925483E-2</v>
      </c>
      <c r="L77" s="150">
        <v>0.13400000000000001</v>
      </c>
      <c r="M77" s="97">
        <v>2.6663157080480757E-2</v>
      </c>
      <c r="N77" s="150">
        <v>4.5999999999999999E-2</v>
      </c>
      <c r="O77" s="97">
        <v>1.6738129244470622E-2</v>
      </c>
      <c r="P77" s="148">
        <v>655</v>
      </c>
      <c r="Q77" s="150">
        <v>0.90700000000000003</v>
      </c>
      <c r="R77" s="97">
        <v>2.2894600562988664E-2</v>
      </c>
      <c r="S77" s="150">
        <v>6.6000000000000003E-2</v>
      </c>
      <c r="T77" s="97">
        <v>1.9697812364711069E-2</v>
      </c>
      <c r="U77" s="150">
        <v>2.8000000000000001E-2</v>
      </c>
      <c r="V77" s="97">
        <v>1.3474485965516814E-2</v>
      </c>
    </row>
    <row r="78" spans="1:22">
      <c r="A78" s="45" t="s">
        <v>434</v>
      </c>
      <c r="B78" s="83">
        <v>914</v>
      </c>
      <c r="C78" s="98">
        <v>0.22700000000000001</v>
      </c>
      <c r="D78" s="94">
        <v>2.7702046453490829E-2</v>
      </c>
      <c r="E78" s="98">
        <v>0.34200000000000003</v>
      </c>
      <c r="F78" s="94">
        <v>3.1328818839740313E-2</v>
      </c>
      <c r="G78" s="98">
        <v>0.43099999999999999</v>
      </c>
      <c r="H78" s="94">
        <v>3.2691893674086807E-2</v>
      </c>
      <c r="I78" s="83">
        <v>910</v>
      </c>
      <c r="J78" s="98">
        <v>0.84299999999999997</v>
      </c>
      <c r="K78" s="94">
        <v>2.4160160097681797E-2</v>
      </c>
      <c r="L78" s="98">
        <v>9.4E-2</v>
      </c>
      <c r="M78" s="94">
        <v>1.9468159363536953E-2</v>
      </c>
      <c r="N78" s="98">
        <v>6.3E-2</v>
      </c>
      <c r="O78" s="94">
        <v>1.6298480086802108E-2</v>
      </c>
      <c r="P78" s="83">
        <v>908</v>
      </c>
      <c r="Q78" s="98">
        <v>0.90400000000000003</v>
      </c>
      <c r="R78" s="94">
        <v>1.9669704593227505E-2</v>
      </c>
      <c r="S78" s="98">
        <v>5.1999999999999998E-2</v>
      </c>
      <c r="T78" s="94">
        <v>1.4963801427849012E-2</v>
      </c>
      <c r="U78" s="98">
        <v>4.3999999999999997E-2</v>
      </c>
      <c r="V78" s="94">
        <v>1.3873488537874182E-2</v>
      </c>
    </row>
    <row r="79" spans="1:22">
      <c r="A79" s="49" t="s">
        <v>435</v>
      </c>
      <c r="B79" s="148">
        <v>675</v>
      </c>
      <c r="C79" s="150">
        <v>0.309</v>
      </c>
      <c r="D79" s="97">
        <v>3.5501669091817623E-2</v>
      </c>
      <c r="E79" s="150">
        <v>0.38</v>
      </c>
      <c r="F79" s="97">
        <v>3.7268216352421793E-2</v>
      </c>
      <c r="G79" s="150">
        <v>0.311</v>
      </c>
      <c r="H79" s="97">
        <v>3.5563929560778383E-2</v>
      </c>
      <c r="I79" s="148">
        <v>677</v>
      </c>
      <c r="J79" s="150">
        <v>0.82499999999999996</v>
      </c>
      <c r="K79" s="97">
        <v>2.9245246681483313E-2</v>
      </c>
      <c r="L79" s="150">
        <v>0.11</v>
      </c>
      <c r="M79" s="97">
        <v>2.4197126880143402E-2</v>
      </c>
      <c r="N79" s="150">
        <v>6.5000000000000002E-2</v>
      </c>
      <c r="O79" s="97">
        <v>1.9235212925967221E-2</v>
      </c>
      <c r="P79" s="148">
        <v>672</v>
      </c>
      <c r="Q79" s="150">
        <v>0.874</v>
      </c>
      <c r="R79" s="97">
        <v>2.5717449677838945E-2</v>
      </c>
      <c r="S79" s="150">
        <v>0.1</v>
      </c>
      <c r="T79" s="97">
        <v>2.3317704003548986E-2</v>
      </c>
      <c r="U79" s="150">
        <v>2.5999999999999999E-2</v>
      </c>
      <c r="V79" s="97">
        <v>1.2865949980145307E-2</v>
      </c>
    </row>
    <row r="80" spans="1:22">
      <c r="A80" s="45" t="s">
        <v>436</v>
      </c>
      <c r="B80" s="83">
        <v>125</v>
      </c>
      <c r="C80" s="98">
        <v>0.36</v>
      </c>
      <c r="D80" s="94">
        <v>8.4742502603065581E-2</v>
      </c>
      <c r="E80" s="98">
        <v>0.27400000000000002</v>
      </c>
      <c r="F80" s="94">
        <v>7.9150997934767708E-2</v>
      </c>
      <c r="G80" s="98">
        <v>0.36599999999999999</v>
      </c>
      <c r="H80" s="94">
        <v>8.502444446331095E-2</v>
      </c>
      <c r="I80" s="83">
        <v>125</v>
      </c>
      <c r="J80" s="98">
        <v>0.75700000000000001</v>
      </c>
      <c r="K80" s="94">
        <v>7.6347544226366776E-2</v>
      </c>
      <c r="L80" s="98">
        <v>0.19900000000000001</v>
      </c>
      <c r="M80" s="94">
        <v>7.1513115955470968E-2</v>
      </c>
      <c r="N80" s="98">
        <v>4.4999999999999998E-2</v>
      </c>
      <c r="O80" s="94">
        <v>4.1526944331256706E-2</v>
      </c>
      <c r="P80" s="83">
        <v>125</v>
      </c>
      <c r="Q80" s="98">
        <v>0.90300000000000002</v>
      </c>
      <c r="R80" s="94">
        <v>5.4986037086860881E-2</v>
      </c>
      <c r="S80" s="98">
        <v>5.0999999999999997E-2</v>
      </c>
      <c r="T80" s="94">
        <v>4.3386688249024079E-2</v>
      </c>
      <c r="U80" s="98">
        <v>4.5999999999999999E-2</v>
      </c>
      <c r="V80" s="94">
        <v>4.1844381707290233E-2</v>
      </c>
    </row>
    <row r="81" spans="1:22">
      <c r="A81" s="49" t="s">
        <v>437</v>
      </c>
      <c r="B81" s="148">
        <v>137</v>
      </c>
      <c r="C81" s="150">
        <v>0.28399999999999997</v>
      </c>
      <c r="D81" s="97">
        <v>7.6437264077782938E-2</v>
      </c>
      <c r="E81" s="150">
        <v>0.39</v>
      </c>
      <c r="F81" s="97">
        <v>8.2268680541682654E-2</v>
      </c>
      <c r="G81" s="150">
        <v>0.32600000000000001</v>
      </c>
      <c r="H81" s="97">
        <v>7.9254938581639053E-2</v>
      </c>
      <c r="I81" s="148">
        <v>135</v>
      </c>
      <c r="J81" s="150">
        <v>0.82699999999999996</v>
      </c>
      <c r="K81" s="97">
        <v>6.5511081515535877E-2</v>
      </c>
      <c r="L81" s="150">
        <v>0.128</v>
      </c>
      <c r="M81" s="97">
        <v>5.8633344054679168E-2</v>
      </c>
      <c r="N81" s="150">
        <v>4.4999999999999998E-2</v>
      </c>
      <c r="O81" s="97">
        <v>3.9681707549138474E-2</v>
      </c>
      <c r="P81" s="148">
        <v>135</v>
      </c>
      <c r="Q81" s="150">
        <v>0.91400000000000003</v>
      </c>
      <c r="R81" s="97">
        <v>5.0415991089680444E-2</v>
      </c>
      <c r="S81" s="150">
        <v>7.1999999999999995E-2</v>
      </c>
      <c r="T81" s="97">
        <v>4.7135887046018544E-2</v>
      </c>
      <c r="U81" s="150">
        <v>1.4999999999999999E-2</v>
      </c>
      <c r="V81" s="97">
        <v>2.8445751103864131E-2</v>
      </c>
    </row>
    <row r="82" spans="1:22">
      <c r="A82" s="45" t="s">
        <v>438</v>
      </c>
      <c r="B82" s="83">
        <v>231</v>
      </c>
      <c r="C82" s="98">
        <v>0.36199999999999999</v>
      </c>
      <c r="D82" s="94">
        <v>6.2786201069959593E-2</v>
      </c>
      <c r="E82" s="98">
        <v>0.4</v>
      </c>
      <c r="F82" s="94">
        <v>6.3959765051308973E-2</v>
      </c>
      <c r="G82" s="98">
        <v>0.23799999999999999</v>
      </c>
      <c r="H82" s="94">
        <v>5.5913752613739591E-2</v>
      </c>
      <c r="I82" s="83">
        <v>231</v>
      </c>
      <c r="J82" s="98">
        <v>0.80500000000000005</v>
      </c>
      <c r="K82" s="94">
        <v>5.2204973586952357E-2</v>
      </c>
      <c r="L82" s="98">
        <v>0.14299999999999999</v>
      </c>
      <c r="M82" s="94">
        <v>4.6467149566824795E-2</v>
      </c>
      <c r="N82" s="98">
        <v>5.1999999999999998E-2</v>
      </c>
      <c r="O82" s="94">
        <v>3.0893179818497738E-2</v>
      </c>
      <c r="P82" s="83">
        <v>230</v>
      </c>
      <c r="Q82" s="98">
        <v>0.875</v>
      </c>
      <c r="R82" s="94">
        <v>4.4171693167373599E-2</v>
      </c>
      <c r="S82" s="98">
        <v>8.7999999999999995E-2</v>
      </c>
      <c r="T82" s="94">
        <v>3.8343836589677917E-2</v>
      </c>
      <c r="U82" s="98">
        <v>3.5999999999999997E-2</v>
      </c>
      <c r="V82" s="94">
        <v>2.6795087045009689E-2</v>
      </c>
    </row>
    <row r="83" spans="1:22">
      <c r="A83" s="49" t="s">
        <v>439</v>
      </c>
      <c r="B83" s="148">
        <v>377</v>
      </c>
      <c r="C83" s="150">
        <v>0.26200000000000001</v>
      </c>
      <c r="D83" s="97">
        <v>4.5192981580400512E-2</v>
      </c>
      <c r="E83" s="150">
        <v>0.505</v>
      </c>
      <c r="F83" s="97">
        <v>5.1229043822925834E-2</v>
      </c>
      <c r="G83" s="150">
        <v>0.23300000000000001</v>
      </c>
      <c r="H83" s="97">
        <v>4.3495560366203612E-2</v>
      </c>
      <c r="I83" s="148">
        <v>373</v>
      </c>
      <c r="J83" s="150">
        <v>0.74399999999999999</v>
      </c>
      <c r="K83" s="97">
        <v>4.5101790115701847E-2</v>
      </c>
      <c r="L83" s="150">
        <v>0.19400000000000001</v>
      </c>
      <c r="M83" s="97">
        <v>4.0987858700848985E-2</v>
      </c>
      <c r="N83" s="150">
        <v>6.0999999999999999E-2</v>
      </c>
      <c r="O83" s="97">
        <v>2.5512648334220737E-2</v>
      </c>
      <c r="P83" s="148">
        <v>372</v>
      </c>
      <c r="Q83" s="150">
        <v>0.85199999999999998</v>
      </c>
      <c r="R83" s="97">
        <v>3.7004633505800917E-2</v>
      </c>
      <c r="S83" s="150">
        <v>0.113</v>
      </c>
      <c r="T83" s="97">
        <v>3.3166348076359986E-2</v>
      </c>
      <c r="U83" s="150">
        <v>3.5000000000000003E-2</v>
      </c>
      <c r="V83" s="97">
        <v>2.0198762601781176E-2</v>
      </c>
    </row>
    <row r="84" spans="1:22">
      <c r="A84" s="45" t="s">
        <v>440</v>
      </c>
      <c r="B84" s="83">
        <v>389</v>
      </c>
      <c r="C84" s="98">
        <v>0.252</v>
      </c>
      <c r="D84" s="94">
        <v>4.3945561786566958E-2</v>
      </c>
      <c r="E84" s="98">
        <v>0.40300000000000002</v>
      </c>
      <c r="F84" s="94">
        <v>4.9504574244664222E-2</v>
      </c>
      <c r="G84" s="98">
        <v>0.34499999999999997</v>
      </c>
      <c r="H84" s="94">
        <v>4.8009919424238261E-2</v>
      </c>
      <c r="I84" s="83">
        <v>382</v>
      </c>
      <c r="J84" s="98">
        <v>0.82199999999999995</v>
      </c>
      <c r="K84" s="94">
        <v>3.9222199096604113E-2</v>
      </c>
      <c r="L84" s="98">
        <v>0.124</v>
      </c>
      <c r="M84" s="94">
        <v>3.3997697394730068E-2</v>
      </c>
      <c r="N84" s="98">
        <v>5.3999999999999999E-2</v>
      </c>
      <c r="O84" s="94">
        <v>2.3913759283925532E-2</v>
      </c>
      <c r="P84" s="83">
        <v>386</v>
      </c>
      <c r="Q84" s="98">
        <v>0.91</v>
      </c>
      <c r="R84" s="94">
        <v>2.9583523138427634E-2</v>
      </c>
      <c r="S84" s="98">
        <v>7.0999999999999994E-2</v>
      </c>
      <c r="T84" s="94">
        <v>2.6739932685031203E-2</v>
      </c>
      <c r="U84" s="98">
        <v>1.9E-2</v>
      </c>
      <c r="V84" s="94">
        <v>1.5478861976617275E-2</v>
      </c>
    </row>
    <row r="85" spans="1:22">
      <c r="A85" s="49" t="s">
        <v>441</v>
      </c>
      <c r="B85" s="148">
        <v>267</v>
      </c>
      <c r="C85" s="150">
        <v>0.31</v>
      </c>
      <c r="D85" s="97">
        <v>5.6327694071496646E-2</v>
      </c>
      <c r="E85" s="150">
        <v>0.38600000000000001</v>
      </c>
      <c r="F85" s="97">
        <v>5.919319977180254E-2</v>
      </c>
      <c r="G85" s="150">
        <v>0.30399999999999999</v>
      </c>
      <c r="H85" s="97">
        <v>5.6032368383376878E-2</v>
      </c>
      <c r="I85" s="148">
        <v>265</v>
      </c>
      <c r="J85" s="150">
        <v>0.79500000000000004</v>
      </c>
      <c r="K85" s="97">
        <v>4.9614703073135993E-2</v>
      </c>
      <c r="L85" s="150">
        <v>0.13200000000000001</v>
      </c>
      <c r="M85" s="97">
        <v>4.1990180382975334E-2</v>
      </c>
      <c r="N85" s="150">
        <v>7.2999999999999995E-2</v>
      </c>
      <c r="O85" s="97">
        <v>3.2958937700176098E-2</v>
      </c>
      <c r="P85" s="148">
        <v>265</v>
      </c>
      <c r="Q85" s="150">
        <v>0.86099999999999999</v>
      </c>
      <c r="R85" s="97">
        <v>4.2858095881465157E-2</v>
      </c>
      <c r="S85" s="150">
        <v>9.4E-2</v>
      </c>
      <c r="T85" s="97">
        <v>3.6588689091606667E-2</v>
      </c>
      <c r="U85" s="150">
        <v>4.3999999999999997E-2</v>
      </c>
      <c r="V85" s="97">
        <v>2.6772341269366232E-2</v>
      </c>
    </row>
    <row r="86" spans="1:22">
      <c r="A86" s="45" t="s">
        <v>442</v>
      </c>
      <c r="B86" s="83">
        <v>708</v>
      </c>
      <c r="C86" s="98">
        <v>0.27700000000000002</v>
      </c>
      <c r="D86" s="94">
        <v>3.3589406375618497E-2</v>
      </c>
      <c r="E86" s="98">
        <v>0.41099999999999998</v>
      </c>
      <c r="F86" s="94">
        <v>3.6884861088637567E-2</v>
      </c>
      <c r="G86" s="98">
        <v>0.312</v>
      </c>
      <c r="H86" s="94">
        <v>3.4758557921220685E-2</v>
      </c>
      <c r="I86" s="83">
        <v>704</v>
      </c>
      <c r="J86" s="98">
        <v>0.82699999999999996</v>
      </c>
      <c r="K86" s="94">
        <v>2.8550265336459005E-2</v>
      </c>
      <c r="L86" s="98">
        <v>0.11600000000000001</v>
      </c>
      <c r="M86" s="94">
        <v>2.4263788414786984E-2</v>
      </c>
      <c r="N86" s="98">
        <v>5.7000000000000002E-2</v>
      </c>
      <c r="O86" s="94">
        <v>1.7781193437761779E-2</v>
      </c>
      <c r="P86" s="83">
        <v>701</v>
      </c>
      <c r="Q86" s="98">
        <v>0.877</v>
      </c>
      <c r="R86" s="94">
        <v>2.4923057312334559E-2</v>
      </c>
      <c r="S86" s="98">
        <v>7.0999999999999994E-2</v>
      </c>
      <c r="T86" s="94">
        <v>1.9648179883940964E-2</v>
      </c>
      <c r="U86" s="98">
        <v>5.1999999999999998E-2</v>
      </c>
      <c r="V86" s="94">
        <v>1.7104937900597396E-2</v>
      </c>
    </row>
    <row r="87" spans="1:22">
      <c r="A87" s="49" t="s">
        <v>443</v>
      </c>
      <c r="B87" s="148">
        <v>944</v>
      </c>
      <c r="C87" s="150">
        <v>0.28100000000000003</v>
      </c>
      <c r="D87" s="97">
        <v>2.9226518239206654E-2</v>
      </c>
      <c r="E87" s="150">
        <v>0.40200000000000002</v>
      </c>
      <c r="F87" s="97">
        <v>3.185389082140605E-2</v>
      </c>
      <c r="G87" s="150">
        <v>0.317</v>
      </c>
      <c r="H87" s="97">
        <v>3.0244643238532078E-2</v>
      </c>
      <c r="I87" s="148">
        <v>942</v>
      </c>
      <c r="J87" s="150">
        <v>0.78800000000000003</v>
      </c>
      <c r="K87" s="97">
        <v>2.6633202365450272E-2</v>
      </c>
      <c r="L87" s="150">
        <v>0.151</v>
      </c>
      <c r="M87" s="97">
        <v>2.3375494653583441E-2</v>
      </c>
      <c r="N87" s="150">
        <v>6.0999999999999999E-2</v>
      </c>
      <c r="O87" s="97">
        <v>1.5781988594264117E-2</v>
      </c>
      <c r="P87" s="148">
        <v>940</v>
      </c>
      <c r="Q87" s="150">
        <v>0.89300000000000002</v>
      </c>
      <c r="R87" s="97">
        <v>2.0258615739728453E-2</v>
      </c>
      <c r="S87" s="150">
        <v>8.5999999999999993E-2</v>
      </c>
      <c r="T87" s="97">
        <v>1.8417639749007158E-2</v>
      </c>
      <c r="U87" s="150">
        <v>2.1000000000000001E-2</v>
      </c>
      <c r="V87" s="97">
        <v>9.7640155088774758E-3</v>
      </c>
    </row>
    <row r="88" spans="1:22">
      <c r="A88" s="45" t="s">
        <v>444</v>
      </c>
      <c r="B88" s="83">
        <v>261</v>
      </c>
      <c r="C88" s="98">
        <v>0.30499999999999999</v>
      </c>
      <c r="D88" s="94">
        <v>5.6717008323443889E-2</v>
      </c>
      <c r="E88" s="98">
        <v>0.38500000000000001</v>
      </c>
      <c r="F88" s="94">
        <v>5.98326259343918E-2</v>
      </c>
      <c r="G88" s="98">
        <v>0.31</v>
      </c>
      <c r="H88" s="94">
        <v>5.6964946034153606E-2</v>
      </c>
      <c r="I88" s="83">
        <v>261</v>
      </c>
      <c r="J88" s="98">
        <v>0.78</v>
      </c>
      <c r="K88" s="94">
        <v>5.1241040430760922E-2</v>
      </c>
      <c r="L88" s="98">
        <v>0.121</v>
      </c>
      <c r="M88" s="94">
        <v>4.0870269683648854E-2</v>
      </c>
      <c r="N88" s="98">
        <v>9.8000000000000004E-2</v>
      </c>
      <c r="O88" s="94">
        <v>3.7514835628945122E-2</v>
      </c>
      <c r="P88" s="83">
        <v>259</v>
      </c>
      <c r="Q88" s="98">
        <v>0.84699999999999998</v>
      </c>
      <c r="R88" s="94">
        <v>4.5013859879982077E-2</v>
      </c>
      <c r="S88" s="98">
        <v>0.13200000000000001</v>
      </c>
      <c r="T88" s="94">
        <v>4.2482657660686776E-2</v>
      </c>
      <c r="U88" s="98">
        <v>2.1999999999999999E-2</v>
      </c>
      <c r="V88" s="94">
        <v>2.0787986916636289E-2</v>
      </c>
    </row>
    <row r="89" spans="1:22">
      <c r="A89" s="49" t="s">
        <v>445</v>
      </c>
      <c r="B89" s="148">
        <v>179</v>
      </c>
      <c r="C89" s="150">
        <v>0.309</v>
      </c>
      <c r="D89" s="97">
        <v>6.8567922263220643E-2</v>
      </c>
      <c r="E89" s="150">
        <v>0.44500000000000001</v>
      </c>
      <c r="F89" s="97">
        <v>7.349298991684565E-2</v>
      </c>
      <c r="G89" s="150">
        <v>0.246</v>
      </c>
      <c r="H89" s="97">
        <v>6.4150360914791399E-2</v>
      </c>
      <c r="I89" s="148">
        <v>176</v>
      </c>
      <c r="J89" s="150">
        <v>0.77800000000000002</v>
      </c>
      <c r="K89" s="97">
        <v>6.255889305396295E-2</v>
      </c>
      <c r="L89" s="150">
        <v>0.184</v>
      </c>
      <c r="M89" s="97">
        <v>5.8600859462697337E-2</v>
      </c>
      <c r="N89" s="150">
        <v>3.7999999999999999E-2</v>
      </c>
      <c r="O89" s="97">
        <v>3.1950307094874536E-2</v>
      </c>
      <c r="P89" s="148">
        <v>177</v>
      </c>
      <c r="Q89" s="150">
        <v>0.91500000000000004</v>
      </c>
      <c r="R89" s="97">
        <v>4.341831537803139E-2</v>
      </c>
      <c r="S89" s="150">
        <v>5.8000000000000003E-2</v>
      </c>
      <c r="T89" s="97">
        <v>3.7364993800560173E-2</v>
      </c>
      <c r="U89" s="150">
        <v>2.7E-2</v>
      </c>
      <c r="V89" s="97">
        <v>2.8225731205015391E-2</v>
      </c>
    </row>
    <row r="90" spans="1:22">
      <c r="A90" s="45" t="s">
        <v>446</v>
      </c>
      <c r="B90" s="83">
        <v>153</v>
      </c>
      <c r="C90" s="98">
        <v>0.33400000000000002</v>
      </c>
      <c r="D90" s="94">
        <v>7.5516099505136144E-2</v>
      </c>
      <c r="E90" s="98">
        <v>0.40899999999999997</v>
      </c>
      <c r="F90" s="94">
        <v>7.8543360814281774E-2</v>
      </c>
      <c r="G90" s="98">
        <v>0.25700000000000001</v>
      </c>
      <c r="H90" s="94">
        <v>7.0289943058583132E-2</v>
      </c>
      <c r="I90" s="83">
        <v>152</v>
      </c>
      <c r="J90" s="98">
        <v>0.82399999999999995</v>
      </c>
      <c r="K90" s="94">
        <v>6.2087276632071066E-2</v>
      </c>
      <c r="L90" s="98">
        <v>0.153</v>
      </c>
      <c r="M90" s="94">
        <v>5.8984277815509606E-2</v>
      </c>
      <c r="N90" s="98">
        <v>2.4E-2</v>
      </c>
      <c r="O90" s="94">
        <v>2.9911972089388724E-2</v>
      </c>
      <c r="P90" s="83">
        <v>152</v>
      </c>
      <c r="Q90" s="98">
        <v>0.86899999999999999</v>
      </c>
      <c r="R90" s="94">
        <v>5.5638967776595501E-2</v>
      </c>
      <c r="S90" s="98">
        <v>0.115</v>
      </c>
      <c r="T90" s="94">
        <v>5.2934122027311833E-2</v>
      </c>
      <c r="U90" s="98">
        <v>1.7000000000000001E-2</v>
      </c>
      <c r="V90" s="94">
        <v>2.7042777017216871E-2</v>
      </c>
    </row>
    <row r="91" spans="1:22" s="248" customFormat="1">
      <c r="A91" s="49" t="s">
        <v>447</v>
      </c>
      <c r="B91" s="148">
        <v>76</v>
      </c>
      <c r="C91" s="150">
        <v>0.374</v>
      </c>
      <c r="D91" s="97">
        <v>0.10855227081917725</v>
      </c>
      <c r="E91" s="150">
        <v>0.21</v>
      </c>
      <c r="F91" s="97">
        <v>9.3300522506575501E-2</v>
      </c>
      <c r="G91" s="150">
        <v>0.41599999999999998</v>
      </c>
      <c r="H91" s="97">
        <v>0.11037027679588378</v>
      </c>
      <c r="I91" s="148">
        <v>74</v>
      </c>
      <c r="J91" s="150">
        <v>0.85899999999999999</v>
      </c>
      <c r="K91" s="97">
        <v>8.2895865029866733E-2</v>
      </c>
      <c r="L91" s="150">
        <v>0.108</v>
      </c>
      <c r="M91" s="97">
        <v>7.5682297212963962E-2</v>
      </c>
      <c r="N91" s="150">
        <v>3.2000000000000001E-2</v>
      </c>
      <c r="O91" s="97">
        <v>5.2067017957382188E-2</v>
      </c>
      <c r="P91" s="148">
        <v>76</v>
      </c>
      <c r="Q91" s="150">
        <v>0.86299999999999999</v>
      </c>
      <c r="R91" s="97">
        <v>8.0956308432388421E-2</v>
      </c>
      <c r="S91" s="150">
        <v>0.122</v>
      </c>
      <c r="T91" s="97">
        <v>7.7796911892439535E-2</v>
      </c>
      <c r="U91" s="150">
        <v>1.4999999999999999E-2</v>
      </c>
      <c r="V91" s="97">
        <v>4.3422020623181505E-2</v>
      </c>
    </row>
    <row r="92" spans="1:22" s="248" customFormat="1">
      <c r="A92" s="241"/>
      <c r="B92" s="249"/>
      <c r="C92" s="250"/>
      <c r="D92" s="247"/>
      <c r="E92" s="251"/>
      <c r="F92" s="247"/>
      <c r="G92" s="251"/>
      <c r="H92" s="247"/>
      <c r="I92" s="249"/>
      <c r="J92" s="251"/>
      <c r="K92" s="247"/>
      <c r="L92" s="251"/>
      <c r="M92" s="247"/>
      <c r="N92" s="251"/>
      <c r="O92" s="247"/>
    </row>
    <row r="93" spans="1:22" ht="18.75">
      <c r="A93" s="335" t="s">
        <v>230</v>
      </c>
      <c r="B93" s="335"/>
      <c r="C93" s="335"/>
      <c r="D93" s="335"/>
      <c r="E93" s="335"/>
      <c r="F93" s="335"/>
      <c r="G93" s="335"/>
      <c r="H93" s="335"/>
      <c r="I93" s="335"/>
      <c r="J93" s="229"/>
      <c r="K93" s="229"/>
    </row>
    <row r="94" spans="1:22" ht="84.75" customHeight="1">
      <c r="A94" s="382" t="s">
        <v>488</v>
      </c>
      <c r="B94" s="382"/>
      <c r="C94" s="382"/>
      <c r="D94" s="382"/>
      <c r="E94" s="382"/>
      <c r="F94" s="382"/>
      <c r="G94" s="382"/>
      <c r="H94" s="382"/>
      <c r="I94" s="382"/>
      <c r="J94" s="229"/>
      <c r="K94" s="229"/>
    </row>
    <row r="95" spans="1:22" ht="24" customHeight="1">
      <c r="A95" s="380" t="s">
        <v>230</v>
      </c>
      <c r="B95" s="380"/>
      <c r="C95" s="380"/>
      <c r="D95" s="380"/>
      <c r="E95" s="384" t="s">
        <v>231</v>
      </c>
      <c r="F95" s="385"/>
      <c r="G95" s="385"/>
      <c r="H95" s="385"/>
      <c r="I95" s="386"/>
    </row>
    <row r="96" spans="1:22" ht="45" customHeight="1">
      <c r="A96" s="37" t="s">
        <v>85</v>
      </c>
      <c r="B96" s="38" t="s">
        <v>86</v>
      </c>
      <c r="C96" s="39" t="s">
        <v>87</v>
      </c>
      <c r="D96" s="40" t="s">
        <v>88</v>
      </c>
      <c r="E96" s="38" t="s">
        <v>86</v>
      </c>
      <c r="F96" s="38" t="s">
        <v>236</v>
      </c>
      <c r="G96" s="89" t="s">
        <v>233</v>
      </c>
      <c r="H96" s="38" t="s">
        <v>237</v>
      </c>
      <c r="I96" s="89" t="s">
        <v>235</v>
      </c>
    </row>
    <row r="97" spans="1:9" ht="84">
      <c r="A97" s="41"/>
      <c r="B97" s="42" t="s">
        <v>89</v>
      </c>
      <c r="C97" s="43" t="s">
        <v>340</v>
      </c>
      <c r="D97" s="44" t="s">
        <v>91</v>
      </c>
      <c r="E97" s="42" t="s">
        <v>89</v>
      </c>
      <c r="F97" s="42" t="s">
        <v>232</v>
      </c>
      <c r="G97" s="91" t="s">
        <v>104</v>
      </c>
      <c r="H97" s="42" t="s">
        <v>234</v>
      </c>
      <c r="I97" s="91" t="s">
        <v>104</v>
      </c>
    </row>
    <row r="98" spans="1:9">
      <c r="A98" s="45" t="s">
        <v>424</v>
      </c>
      <c r="B98" s="142">
        <v>9248</v>
      </c>
      <c r="C98" s="84">
        <v>11.39</v>
      </c>
      <c r="D98" s="85">
        <v>9.8000000000000004E-2</v>
      </c>
      <c r="E98" s="83">
        <v>9248</v>
      </c>
      <c r="F98" s="98">
        <v>0.90700000000000003</v>
      </c>
      <c r="G98" s="94">
        <v>6.0440164559000106E-3</v>
      </c>
      <c r="H98" s="98">
        <v>9.2999999999999999E-2</v>
      </c>
      <c r="I98" s="94">
        <v>6.0440164559000097E-3</v>
      </c>
    </row>
    <row r="99" spans="1:9">
      <c r="A99" s="49" t="s">
        <v>425</v>
      </c>
      <c r="B99" s="49">
        <v>8621</v>
      </c>
      <c r="C99" s="144">
        <v>11.39166</v>
      </c>
      <c r="D99" s="145">
        <v>0.101354736</v>
      </c>
      <c r="E99" s="122">
        <v>8621</v>
      </c>
      <c r="F99" s="146">
        <v>0.90700000000000003</v>
      </c>
      <c r="G99" s="97">
        <v>6.2602351142158766E-3</v>
      </c>
      <c r="H99" s="146">
        <v>9.2899999999999996E-2</v>
      </c>
      <c r="I99" s="97">
        <v>6.2572216945133638E-3</v>
      </c>
    </row>
    <row r="100" spans="1:9">
      <c r="A100" s="45" t="s">
        <v>426</v>
      </c>
      <c r="B100" s="53">
        <v>824</v>
      </c>
      <c r="C100" s="84">
        <v>12.37</v>
      </c>
      <c r="D100" s="85">
        <v>0.3332</v>
      </c>
      <c r="E100" s="83">
        <v>824</v>
      </c>
      <c r="F100" s="98">
        <v>0.87990000000000002</v>
      </c>
      <c r="G100" s="94">
        <v>2.2742738574537093E-2</v>
      </c>
      <c r="H100" s="98">
        <v>0.1201</v>
      </c>
      <c r="I100" s="94">
        <v>2.2742738574537097E-2</v>
      </c>
    </row>
    <row r="101" spans="1:9">
      <c r="A101" s="49" t="s">
        <v>427</v>
      </c>
      <c r="B101" s="49">
        <v>6742</v>
      </c>
      <c r="C101" s="144">
        <v>11.4</v>
      </c>
      <c r="D101" s="145">
        <v>0.19600000000000001</v>
      </c>
      <c r="E101" s="122">
        <v>6742</v>
      </c>
      <c r="F101" s="146">
        <v>0.90600000000000003</v>
      </c>
      <c r="G101" s="97">
        <v>7.1143061887067299E-3</v>
      </c>
      <c r="H101" s="146">
        <v>9.4E-2</v>
      </c>
      <c r="I101" s="97">
        <v>7.1143061887067307E-3</v>
      </c>
    </row>
    <row r="102" spans="1:9">
      <c r="A102" s="45" t="s">
        <v>428</v>
      </c>
      <c r="B102" s="53">
        <v>2508</v>
      </c>
      <c r="C102" s="84">
        <v>10.5</v>
      </c>
      <c r="D102" s="85">
        <v>0.19600000000000001</v>
      </c>
      <c r="E102" s="83">
        <v>2508</v>
      </c>
      <c r="F102" s="98">
        <v>0.95599999999999996</v>
      </c>
      <c r="G102" s="94">
        <v>8.2483051065423973E-3</v>
      </c>
      <c r="H102" s="98">
        <v>4.3999999999999997E-2</v>
      </c>
      <c r="I102" s="94">
        <v>8.2483051065423835E-3</v>
      </c>
    </row>
    <row r="103" spans="1:9">
      <c r="A103" s="49" t="s">
        <v>429</v>
      </c>
      <c r="B103" s="49">
        <v>618</v>
      </c>
      <c r="C103" s="144">
        <v>10.8</v>
      </c>
      <c r="D103" s="145">
        <v>0.39200000000000002</v>
      </c>
      <c r="E103" s="122">
        <v>618</v>
      </c>
      <c r="F103" s="146">
        <v>0.95599999999999996</v>
      </c>
      <c r="G103" s="97">
        <v>1.6960293821322494E-2</v>
      </c>
      <c r="H103" s="146">
        <v>4.3999999999999997E-2</v>
      </c>
      <c r="I103" s="97">
        <v>1.6960293821322484E-2</v>
      </c>
    </row>
    <row r="104" spans="1:9">
      <c r="A104" s="45" t="s">
        <v>430</v>
      </c>
      <c r="B104" s="53">
        <v>1587</v>
      </c>
      <c r="C104" s="84">
        <v>10.4</v>
      </c>
      <c r="D104" s="85">
        <v>0.19600000000000001</v>
      </c>
      <c r="E104" s="83">
        <v>1587</v>
      </c>
      <c r="F104" s="98">
        <v>0.95899999999999996</v>
      </c>
      <c r="G104" s="94">
        <v>1.0075395502668231E-2</v>
      </c>
      <c r="H104" s="98">
        <v>4.1000000000000002E-2</v>
      </c>
      <c r="I104" s="94">
        <v>1.0075395502668236E-2</v>
      </c>
    </row>
    <row r="105" spans="1:9">
      <c r="A105" s="49" t="s">
        <v>431</v>
      </c>
      <c r="B105" s="49">
        <v>234</v>
      </c>
      <c r="C105" s="144">
        <v>12</v>
      </c>
      <c r="D105" s="145">
        <v>0.58799999999999997</v>
      </c>
      <c r="E105" s="122">
        <v>234</v>
      </c>
      <c r="F105" s="146">
        <v>0.94899999999999995</v>
      </c>
      <c r="G105" s="97">
        <v>3.0436201020744121E-2</v>
      </c>
      <c r="H105" s="146">
        <v>5.0999999999999997E-2</v>
      </c>
      <c r="I105" s="97">
        <v>3.0436201020744125E-2</v>
      </c>
    </row>
    <row r="106" spans="1:9">
      <c r="A106" s="45" t="s">
        <v>432</v>
      </c>
      <c r="B106" s="53">
        <v>552</v>
      </c>
      <c r="C106" s="84">
        <v>11.3</v>
      </c>
      <c r="D106" s="85">
        <v>0.39200000000000002</v>
      </c>
      <c r="E106" s="83">
        <v>552</v>
      </c>
      <c r="F106" s="98">
        <v>0.93100000000000005</v>
      </c>
      <c r="G106" s="94">
        <v>2.1938797420354095E-2</v>
      </c>
      <c r="H106" s="98">
        <v>6.9000000000000006E-2</v>
      </c>
      <c r="I106" s="94">
        <v>2.1938797420354102E-2</v>
      </c>
    </row>
    <row r="107" spans="1:9">
      <c r="A107" s="49" t="s">
        <v>433</v>
      </c>
      <c r="B107" s="49">
        <v>720</v>
      </c>
      <c r="C107" s="144">
        <v>10.1</v>
      </c>
      <c r="D107" s="145">
        <v>0.19600000000000001</v>
      </c>
      <c r="E107" s="122">
        <v>720</v>
      </c>
      <c r="F107" s="146">
        <v>0.97899999999999998</v>
      </c>
      <c r="G107" s="97">
        <v>1.129397634119023E-2</v>
      </c>
      <c r="H107" s="146">
        <v>2.1000000000000001E-2</v>
      </c>
      <c r="I107" s="97">
        <v>1.1293976341190236E-2</v>
      </c>
    </row>
    <row r="108" spans="1:9">
      <c r="A108" s="45" t="s">
        <v>434</v>
      </c>
      <c r="B108" s="142">
        <v>979</v>
      </c>
      <c r="C108" s="84">
        <v>9.3000000000000007</v>
      </c>
      <c r="D108" s="85">
        <v>0.19600000000000001</v>
      </c>
      <c r="E108" s="83">
        <v>979</v>
      </c>
      <c r="F108" s="98">
        <v>0.96499999999999997</v>
      </c>
      <c r="G108" s="94">
        <v>1.2024243882483862E-2</v>
      </c>
      <c r="H108" s="98">
        <v>3.5000000000000003E-2</v>
      </c>
      <c r="I108" s="94">
        <v>1.2024243882483864E-2</v>
      </c>
    </row>
    <row r="109" spans="1:9">
      <c r="A109" s="49" t="s">
        <v>435</v>
      </c>
      <c r="B109" s="143">
        <v>740</v>
      </c>
      <c r="C109" s="144">
        <v>10.7</v>
      </c>
      <c r="D109" s="145">
        <v>0.19600000000000001</v>
      </c>
      <c r="E109" s="122">
        <v>740</v>
      </c>
      <c r="F109" s="146">
        <v>0.95099999999999996</v>
      </c>
      <c r="G109" s="97">
        <v>1.6194421614488464E-2</v>
      </c>
      <c r="H109" s="146">
        <v>4.9000000000000002E-2</v>
      </c>
      <c r="I109" s="97">
        <v>1.6194421614488468E-2</v>
      </c>
    </row>
    <row r="110" spans="1:9">
      <c r="A110" s="45" t="s">
        <v>436</v>
      </c>
      <c r="B110" s="83">
        <v>133</v>
      </c>
      <c r="C110" s="84">
        <v>11</v>
      </c>
      <c r="D110" s="85">
        <v>0.78400000000000003</v>
      </c>
      <c r="E110" s="83">
        <v>133</v>
      </c>
      <c r="F110" s="98">
        <v>0.96599999999999997</v>
      </c>
      <c r="G110" s="94">
        <v>3.6383811058493712E-2</v>
      </c>
      <c r="H110" s="98">
        <v>3.4000000000000002E-2</v>
      </c>
      <c r="I110" s="94">
        <v>3.6383811058493733E-2</v>
      </c>
    </row>
    <row r="111" spans="1:9">
      <c r="A111" s="49" t="s">
        <v>437</v>
      </c>
      <c r="B111" s="143">
        <v>155</v>
      </c>
      <c r="C111" s="144">
        <v>10.5</v>
      </c>
      <c r="D111" s="145">
        <v>0.58799999999999997</v>
      </c>
      <c r="E111" s="122">
        <v>155</v>
      </c>
      <c r="F111" s="146">
        <v>0.93700000000000006</v>
      </c>
      <c r="G111" s="97">
        <v>4.1517940797289765E-2</v>
      </c>
      <c r="H111" s="146">
        <v>6.3E-2</v>
      </c>
      <c r="I111" s="97">
        <v>4.1517940797289786E-2</v>
      </c>
    </row>
    <row r="112" spans="1:9">
      <c r="A112" s="45" t="s">
        <v>438</v>
      </c>
      <c r="B112" s="142">
        <v>256</v>
      </c>
      <c r="C112" s="84">
        <v>11.1</v>
      </c>
      <c r="D112" s="85">
        <v>0.58799999999999997</v>
      </c>
      <c r="E112" s="83">
        <v>256</v>
      </c>
      <c r="F112" s="98">
        <v>0.93500000000000005</v>
      </c>
      <c r="G112" s="94">
        <v>3.1998202043254077E-2</v>
      </c>
      <c r="H112" s="98">
        <v>6.5000000000000002E-2</v>
      </c>
      <c r="I112" s="94">
        <v>3.1998202043254091E-2</v>
      </c>
    </row>
    <row r="113" spans="1:9">
      <c r="A113" s="49" t="s">
        <v>439</v>
      </c>
      <c r="B113" s="143">
        <v>405</v>
      </c>
      <c r="C113" s="144">
        <v>10.199999999999999</v>
      </c>
      <c r="D113" s="145">
        <v>0.39200000000000002</v>
      </c>
      <c r="E113" s="122">
        <v>405</v>
      </c>
      <c r="F113" s="146">
        <v>0.97299999999999998</v>
      </c>
      <c r="G113" s="97">
        <v>1.7306589118584934E-2</v>
      </c>
      <c r="H113" s="146">
        <v>2.7E-2</v>
      </c>
      <c r="I113" s="97">
        <v>1.7306589118584945E-2</v>
      </c>
    </row>
    <row r="114" spans="1:9">
      <c r="A114" s="45" t="s">
        <v>440</v>
      </c>
      <c r="B114" s="142">
        <v>409</v>
      </c>
      <c r="C114" s="84">
        <v>10</v>
      </c>
      <c r="D114" s="85">
        <v>0.39200000000000002</v>
      </c>
      <c r="E114" s="83">
        <v>409</v>
      </c>
      <c r="F114" s="98">
        <v>0.97299999999999998</v>
      </c>
      <c r="G114" s="94">
        <v>1.7210770616272009E-2</v>
      </c>
      <c r="H114" s="98">
        <v>2.7E-2</v>
      </c>
      <c r="I114" s="94">
        <v>1.7210770616272006E-2</v>
      </c>
    </row>
    <row r="115" spans="1:9">
      <c r="A115" s="49" t="s">
        <v>441</v>
      </c>
      <c r="B115" s="143">
        <v>281</v>
      </c>
      <c r="C115" s="144">
        <v>10.9</v>
      </c>
      <c r="D115" s="145">
        <v>0.58799999999999997</v>
      </c>
      <c r="E115" s="122">
        <v>281</v>
      </c>
      <c r="F115" s="146">
        <v>0.93899999999999995</v>
      </c>
      <c r="G115" s="97">
        <v>2.9653140867931475E-2</v>
      </c>
      <c r="H115" s="146">
        <v>6.0999999999999999E-2</v>
      </c>
      <c r="I115" s="97">
        <v>2.9653140867931464E-2</v>
      </c>
    </row>
    <row r="116" spans="1:9">
      <c r="A116" s="45" t="s">
        <v>442</v>
      </c>
      <c r="B116" s="142">
        <v>767</v>
      </c>
      <c r="C116" s="84">
        <v>10.3</v>
      </c>
      <c r="D116" s="85">
        <v>0.19600000000000001</v>
      </c>
      <c r="E116" s="83">
        <v>767</v>
      </c>
      <c r="F116" s="98">
        <v>0.94699999999999995</v>
      </c>
      <c r="G116" s="94">
        <v>1.6465798703483858E-2</v>
      </c>
      <c r="H116" s="98">
        <v>5.2999999999999999E-2</v>
      </c>
      <c r="I116" s="94">
        <v>1.6465798703483848E-2</v>
      </c>
    </row>
    <row r="117" spans="1:9">
      <c r="A117" s="49" t="s">
        <v>443</v>
      </c>
      <c r="B117" s="143">
        <v>1012</v>
      </c>
      <c r="C117" s="144">
        <v>10.4</v>
      </c>
      <c r="D117" s="145">
        <v>0.19600000000000001</v>
      </c>
      <c r="E117" s="122">
        <v>1012</v>
      </c>
      <c r="F117" s="146">
        <v>0.96599999999999997</v>
      </c>
      <c r="G117" s="97">
        <v>1.1663004947512445E-2</v>
      </c>
      <c r="H117" s="146">
        <v>3.4000000000000002E-2</v>
      </c>
      <c r="I117" s="97">
        <v>1.1663004947512436E-2</v>
      </c>
    </row>
    <row r="118" spans="1:9">
      <c r="A118" s="45" t="s">
        <v>444</v>
      </c>
      <c r="B118" s="142">
        <v>281</v>
      </c>
      <c r="C118" s="84">
        <v>11</v>
      </c>
      <c r="D118" s="85">
        <v>0.58799999999999997</v>
      </c>
      <c r="E118" s="83">
        <v>281</v>
      </c>
      <c r="F118" s="98">
        <v>0.94299999999999995</v>
      </c>
      <c r="G118" s="94">
        <v>2.883007348159938E-2</v>
      </c>
      <c r="H118" s="98">
        <v>5.7000000000000002E-2</v>
      </c>
      <c r="I118" s="94">
        <v>2.883007348159939E-2</v>
      </c>
    </row>
    <row r="119" spans="1:9">
      <c r="A119" s="49" t="s">
        <v>445</v>
      </c>
      <c r="B119" s="143">
        <v>194</v>
      </c>
      <c r="C119" s="144">
        <v>11</v>
      </c>
      <c r="D119" s="145">
        <v>0.58799999999999997</v>
      </c>
      <c r="E119" s="122">
        <v>194</v>
      </c>
      <c r="F119" s="146">
        <v>0.97199999999999998</v>
      </c>
      <c r="G119" s="97">
        <v>2.7015315809545668E-2</v>
      </c>
      <c r="H119" s="146">
        <v>2.8000000000000001E-2</v>
      </c>
      <c r="I119" s="97">
        <v>2.701531580954563E-2</v>
      </c>
    </row>
    <row r="120" spans="1:9">
      <c r="A120" s="45" t="s">
        <v>446</v>
      </c>
      <c r="B120" s="142">
        <v>166</v>
      </c>
      <c r="C120" s="84">
        <v>10.1</v>
      </c>
      <c r="D120" s="85">
        <v>0.58799999999999997</v>
      </c>
      <c r="E120" s="83">
        <v>166</v>
      </c>
      <c r="F120" s="98">
        <v>0.95699999999999996</v>
      </c>
      <c r="G120" s="94">
        <v>3.4594648512144374E-2</v>
      </c>
      <c r="H120" s="98">
        <v>4.2999999999999997E-2</v>
      </c>
      <c r="I120" s="94">
        <v>3.4594648512144346E-2</v>
      </c>
    </row>
    <row r="121" spans="1:9">
      <c r="A121" s="49" t="s">
        <v>447</v>
      </c>
      <c r="B121" s="143">
        <v>79</v>
      </c>
      <c r="C121" s="144">
        <v>10.9</v>
      </c>
      <c r="D121" s="145">
        <v>0.78400000000000003</v>
      </c>
      <c r="E121" s="122">
        <v>79</v>
      </c>
      <c r="F121" s="146">
        <v>0.97</v>
      </c>
      <c r="G121" s="97">
        <v>4.9028399183861635E-2</v>
      </c>
      <c r="H121" s="146">
        <v>0.03</v>
      </c>
      <c r="I121" s="97">
        <v>4.9028399183861621E-2</v>
      </c>
    </row>
    <row r="123" spans="1:9" ht="18.75">
      <c r="A123" s="335" t="s">
        <v>419</v>
      </c>
      <c r="B123" s="335"/>
      <c r="C123" s="335"/>
      <c r="D123" s="335"/>
    </row>
    <row r="124" spans="1:9" ht="90" customHeight="1">
      <c r="A124" s="379" t="s">
        <v>489</v>
      </c>
      <c r="B124" s="379"/>
      <c r="C124" s="379"/>
      <c r="D124" s="379"/>
    </row>
    <row r="125" spans="1:9" ht="32.25" customHeight="1">
      <c r="A125" s="387" t="s">
        <v>138</v>
      </c>
      <c r="B125" s="380"/>
      <c r="C125" s="380"/>
      <c r="D125" s="380"/>
    </row>
    <row r="126" spans="1:9" ht="37.5" customHeight="1">
      <c r="A126" s="37" t="s">
        <v>85</v>
      </c>
      <c r="B126" s="38" t="s">
        <v>86</v>
      </c>
      <c r="C126" s="39" t="s">
        <v>87</v>
      </c>
      <c r="D126" s="40" t="s">
        <v>88</v>
      </c>
    </row>
    <row r="127" spans="1:9" ht="84">
      <c r="A127" s="41"/>
      <c r="B127" s="42" t="s">
        <v>89</v>
      </c>
      <c r="C127" s="43" t="s">
        <v>139</v>
      </c>
      <c r="D127" s="44" t="s">
        <v>91</v>
      </c>
    </row>
    <row r="128" spans="1:9">
      <c r="A128" s="45" t="s">
        <v>424</v>
      </c>
      <c r="B128" s="298">
        <v>7011</v>
      </c>
      <c r="C128" s="84">
        <v>5.12</v>
      </c>
      <c r="D128" s="85">
        <v>3.9199999999999999E-2</v>
      </c>
    </row>
    <row r="129" spans="1:4">
      <c r="A129" s="49" t="s">
        <v>425</v>
      </c>
      <c r="B129" s="299">
        <v>6498</v>
      </c>
      <c r="C129" s="144">
        <v>5.1043620000000001</v>
      </c>
      <c r="D129" s="145">
        <v>3.7689623999999998E-2</v>
      </c>
    </row>
    <row r="130" spans="1:4">
      <c r="A130" s="45" t="s">
        <v>426</v>
      </c>
      <c r="B130" s="298">
        <v>621</v>
      </c>
      <c r="C130" s="84">
        <v>4.87</v>
      </c>
      <c r="D130" s="85">
        <v>0.1176</v>
      </c>
    </row>
    <row r="131" spans="1:4">
      <c r="A131" s="49" t="s">
        <v>427</v>
      </c>
      <c r="B131" s="299">
        <v>4740</v>
      </c>
      <c r="C131" s="144">
        <v>5.0999999999999996</v>
      </c>
      <c r="D131" s="145">
        <v>0</v>
      </c>
    </row>
    <row r="132" spans="1:4">
      <c r="A132" s="45" t="s">
        <v>428</v>
      </c>
      <c r="B132" s="298">
        <v>2273</v>
      </c>
      <c r="C132" s="84">
        <v>5.5</v>
      </c>
      <c r="D132" s="85">
        <v>0</v>
      </c>
    </row>
    <row r="133" spans="1:4">
      <c r="A133" s="49" t="s">
        <v>429</v>
      </c>
      <c r="B133" s="299">
        <v>579</v>
      </c>
      <c r="C133" s="144">
        <v>5.4</v>
      </c>
      <c r="D133" s="145">
        <v>0.19600000000000001</v>
      </c>
    </row>
    <row r="134" spans="1:4">
      <c r="A134" s="45" t="s">
        <v>430</v>
      </c>
      <c r="B134" s="298">
        <v>1448</v>
      </c>
      <c r="C134" s="84">
        <v>5.5</v>
      </c>
      <c r="D134" s="85">
        <v>0</v>
      </c>
    </row>
    <row r="135" spans="1:4">
      <c r="A135" s="49" t="s">
        <v>431</v>
      </c>
      <c r="B135" s="299">
        <v>229</v>
      </c>
      <c r="C135" s="144">
        <v>5.5</v>
      </c>
      <c r="D135" s="145">
        <v>0.19600000000000001</v>
      </c>
    </row>
    <row r="136" spans="1:4">
      <c r="A136" s="45" t="s">
        <v>432</v>
      </c>
      <c r="B136" s="298">
        <v>547</v>
      </c>
      <c r="C136" s="84">
        <v>5.3</v>
      </c>
      <c r="D136" s="85">
        <v>0.19600000000000001</v>
      </c>
    </row>
    <row r="137" spans="1:4">
      <c r="A137" s="49" t="s">
        <v>433</v>
      </c>
      <c r="B137" s="299">
        <v>665</v>
      </c>
      <c r="C137" s="144">
        <v>5.5</v>
      </c>
      <c r="D137" s="145">
        <v>0.19600000000000001</v>
      </c>
    </row>
    <row r="138" spans="1:4">
      <c r="A138" s="45" t="s">
        <v>434</v>
      </c>
      <c r="B138" s="298">
        <v>811</v>
      </c>
      <c r="C138" s="84">
        <v>5.6</v>
      </c>
      <c r="D138" s="85">
        <v>0</v>
      </c>
    </row>
    <row r="139" spans="1:4">
      <c r="A139" s="49" t="s">
        <v>435</v>
      </c>
      <c r="B139" s="299">
        <v>666</v>
      </c>
      <c r="C139" s="144">
        <v>5.4</v>
      </c>
      <c r="D139" s="145">
        <v>0.19600000000000001</v>
      </c>
    </row>
    <row r="140" spans="1:4">
      <c r="A140" s="45" t="s">
        <v>436</v>
      </c>
      <c r="B140" s="298">
        <v>128</v>
      </c>
      <c r="C140" s="84">
        <v>5.3</v>
      </c>
      <c r="D140" s="85">
        <v>0.19600000000000001</v>
      </c>
    </row>
    <row r="141" spans="1:4">
      <c r="A141" s="49" t="s">
        <v>437</v>
      </c>
      <c r="B141" s="299">
        <v>137</v>
      </c>
      <c r="C141" s="144">
        <v>5.5</v>
      </c>
      <c r="D141" s="145">
        <v>0.19600000000000001</v>
      </c>
    </row>
    <row r="142" spans="1:4">
      <c r="A142" s="45" t="s">
        <v>438</v>
      </c>
      <c r="B142" s="298">
        <v>240</v>
      </c>
      <c r="C142" s="84">
        <v>5.5</v>
      </c>
      <c r="D142" s="85">
        <v>0.19600000000000001</v>
      </c>
    </row>
    <row r="143" spans="1:4">
      <c r="A143" s="49" t="s">
        <v>439</v>
      </c>
      <c r="B143" s="299">
        <v>382</v>
      </c>
      <c r="C143" s="144">
        <v>5.6</v>
      </c>
      <c r="D143" s="145">
        <v>0.19600000000000001</v>
      </c>
    </row>
    <row r="144" spans="1:4">
      <c r="A144" s="45" t="s">
        <v>440</v>
      </c>
      <c r="B144" s="298">
        <v>383</v>
      </c>
      <c r="C144" s="84">
        <v>5.5</v>
      </c>
      <c r="D144" s="85">
        <v>0.19600000000000001</v>
      </c>
    </row>
    <row r="145" spans="1:26">
      <c r="A145" s="49" t="s">
        <v>441</v>
      </c>
      <c r="B145" s="299">
        <v>233</v>
      </c>
      <c r="C145" s="144">
        <v>5.2</v>
      </c>
      <c r="D145" s="145">
        <v>0.19600000000000001</v>
      </c>
    </row>
    <row r="146" spans="1:26">
      <c r="A146" s="45" t="s">
        <v>442</v>
      </c>
      <c r="B146" s="298">
        <v>699</v>
      </c>
      <c r="C146" s="84">
        <v>5.5</v>
      </c>
      <c r="D146" s="85">
        <v>0.19600000000000001</v>
      </c>
    </row>
    <row r="147" spans="1:26">
      <c r="A147" s="49" t="s">
        <v>443</v>
      </c>
      <c r="B147" s="299">
        <v>900</v>
      </c>
      <c r="C147" s="144">
        <v>5.5</v>
      </c>
      <c r="D147" s="145">
        <v>0</v>
      </c>
    </row>
    <row r="148" spans="1:26">
      <c r="A148" s="45" t="s">
        <v>444</v>
      </c>
      <c r="B148" s="298">
        <v>268</v>
      </c>
      <c r="C148" s="84">
        <v>5.4</v>
      </c>
      <c r="D148" s="85">
        <v>0.19600000000000001</v>
      </c>
    </row>
    <row r="149" spans="1:26">
      <c r="A149" s="49" t="s">
        <v>445</v>
      </c>
      <c r="B149" s="299">
        <v>182</v>
      </c>
      <c r="C149" s="144">
        <v>5.6</v>
      </c>
      <c r="D149" s="145">
        <v>0.19600000000000001</v>
      </c>
    </row>
    <row r="150" spans="1:26">
      <c r="A150" s="45" t="s">
        <v>446</v>
      </c>
      <c r="B150" s="298">
        <v>154</v>
      </c>
      <c r="C150" s="84">
        <v>5.3</v>
      </c>
      <c r="D150" s="85">
        <v>0.19600000000000001</v>
      </c>
    </row>
    <row r="151" spans="1:26">
      <c r="A151" s="49" t="s">
        <v>447</v>
      </c>
      <c r="B151" s="299">
        <v>63</v>
      </c>
      <c r="C151" s="144">
        <v>5.6</v>
      </c>
      <c r="D151" s="145">
        <v>0.39200000000000002</v>
      </c>
    </row>
    <row r="153" spans="1:26" ht="18.75">
      <c r="A153" s="335" t="s">
        <v>420</v>
      </c>
      <c r="B153" s="335"/>
      <c r="C153" s="335"/>
      <c r="D153" s="335"/>
      <c r="E153" s="335"/>
      <c r="F153" s="335"/>
      <c r="G153" s="335"/>
      <c r="H153" s="335"/>
      <c r="I153" s="335"/>
      <c r="J153" s="335"/>
      <c r="K153" s="335"/>
      <c r="L153" s="335"/>
      <c r="M153" s="335"/>
      <c r="N153" s="335"/>
      <c r="O153" s="335"/>
      <c r="P153" s="335"/>
      <c r="Q153" s="335"/>
      <c r="R153" s="335"/>
      <c r="S153" s="335"/>
      <c r="T153" s="335"/>
      <c r="U153" s="335"/>
      <c r="V153" s="335"/>
    </row>
    <row r="154" spans="1:26" ht="45" customHeight="1">
      <c r="A154" s="382" t="s">
        <v>490</v>
      </c>
      <c r="B154" s="382"/>
      <c r="C154" s="382"/>
      <c r="D154" s="382"/>
      <c r="E154" s="382"/>
      <c r="F154" s="382"/>
      <c r="G154" s="382"/>
      <c r="H154" s="382"/>
      <c r="I154" s="382"/>
      <c r="J154" s="382"/>
      <c r="K154" s="382"/>
      <c r="L154" s="382"/>
      <c r="M154" s="382"/>
      <c r="N154" s="382"/>
      <c r="O154" s="382"/>
      <c r="P154" s="382"/>
      <c r="Q154" s="382"/>
      <c r="R154" s="382"/>
      <c r="S154" s="382"/>
      <c r="T154" s="382"/>
      <c r="U154" s="382"/>
      <c r="V154" s="382"/>
    </row>
    <row r="155" spans="1:26" ht="38.25" customHeight="1">
      <c r="A155" s="64" t="s">
        <v>85</v>
      </c>
      <c r="B155" s="381" t="s">
        <v>341</v>
      </c>
      <c r="C155" s="381"/>
      <c r="D155" s="381"/>
      <c r="E155" s="381"/>
      <c r="F155" s="381"/>
      <c r="G155" s="381"/>
      <c r="H155" s="381"/>
      <c r="I155" s="395" t="s">
        <v>238</v>
      </c>
      <c r="J155" s="396"/>
      <c r="K155" s="396"/>
      <c r="L155" s="396"/>
      <c r="M155" s="396"/>
      <c r="N155" s="396"/>
      <c r="O155" s="397"/>
      <c r="P155" s="392" t="s">
        <v>260</v>
      </c>
      <c r="Q155" s="393"/>
      <c r="R155" s="393"/>
      <c r="S155" s="393"/>
      <c r="T155" s="393"/>
      <c r="U155" s="393"/>
      <c r="V155" s="394"/>
    </row>
    <row r="156" spans="1:26" ht="61.5" customHeight="1">
      <c r="A156" s="37" t="s">
        <v>85</v>
      </c>
      <c r="B156" s="38" t="s">
        <v>86</v>
      </c>
      <c r="C156" s="38" t="s">
        <v>178</v>
      </c>
      <c r="D156" s="89" t="s">
        <v>101</v>
      </c>
      <c r="E156" s="38" t="s">
        <v>179</v>
      </c>
      <c r="F156" s="89" t="s">
        <v>102</v>
      </c>
      <c r="G156" s="38" t="s">
        <v>180</v>
      </c>
      <c r="H156" s="89" t="s">
        <v>103</v>
      </c>
      <c r="I156" s="65" t="s">
        <v>86</v>
      </c>
      <c r="J156" s="65" t="s">
        <v>178</v>
      </c>
      <c r="K156" s="88" t="s">
        <v>101</v>
      </c>
      <c r="L156" s="65" t="s">
        <v>179</v>
      </c>
      <c r="M156" s="88" t="s">
        <v>102</v>
      </c>
      <c r="N156" s="65" t="s">
        <v>180</v>
      </c>
      <c r="O156" s="88" t="s">
        <v>103</v>
      </c>
      <c r="P156" s="38" t="s">
        <v>86</v>
      </c>
      <c r="Q156" s="38" t="s">
        <v>178</v>
      </c>
      <c r="R156" s="89" t="s">
        <v>101</v>
      </c>
      <c r="S156" s="38" t="s">
        <v>179</v>
      </c>
      <c r="T156" s="89" t="s">
        <v>102</v>
      </c>
      <c r="U156" s="38" t="s">
        <v>180</v>
      </c>
      <c r="V156" s="89" t="s">
        <v>103</v>
      </c>
      <c r="Z156" s="281"/>
    </row>
    <row r="157" spans="1:26" ht="72" customHeight="1">
      <c r="A157" s="41"/>
      <c r="B157" s="42" t="s">
        <v>89</v>
      </c>
      <c r="C157" s="42" t="s">
        <v>181</v>
      </c>
      <c r="D157" s="91" t="s">
        <v>104</v>
      </c>
      <c r="E157" s="42" t="s">
        <v>182</v>
      </c>
      <c r="F157" s="91" t="s">
        <v>104</v>
      </c>
      <c r="G157" s="42" t="s">
        <v>183</v>
      </c>
      <c r="H157" s="91" t="s">
        <v>104</v>
      </c>
      <c r="I157" s="68" t="s">
        <v>89</v>
      </c>
      <c r="J157" s="68" t="s">
        <v>181</v>
      </c>
      <c r="K157" s="90" t="s">
        <v>104</v>
      </c>
      <c r="L157" s="68" t="s">
        <v>182</v>
      </c>
      <c r="M157" s="90" t="s">
        <v>104</v>
      </c>
      <c r="N157" s="68" t="s">
        <v>183</v>
      </c>
      <c r="O157" s="90" t="s">
        <v>104</v>
      </c>
      <c r="P157" s="42" t="s">
        <v>89</v>
      </c>
      <c r="Q157" s="42" t="s">
        <v>181</v>
      </c>
      <c r="R157" s="91" t="s">
        <v>104</v>
      </c>
      <c r="S157" s="42" t="s">
        <v>182</v>
      </c>
      <c r="T157" s="91" t="s">
        <v>104</v>
      </c>
      <c r="U157" s="42" t="s">
        <v>183</v>
      </c>
      <c r="V157" s="91" t="s">
        <v>104</v>
      </c>
    </row>
    <row r="158" spans="1:26">
      <c r="A158" s="45" t="s">
        <v>424</v>
      </c>
      <c r="B158" s="147">
        <v>9276</v>
      </c>
      <c r="C158" s="149">
        <v>0.13600000000000001</v>
      </c>
      <c r="D158" s="94">
        <v>7.1202175744412774E-3</v>
      </c>
      <c r="E158" s="149">
        <v>0.10299999999999999</v>
      </c>
      <c r="F158" s="94">
        <v>6.3152402057032589E-3</v>
      </c>
      <c r="G158" s="149">
        <v>0.753</v>
      </c>
      <c r="H158" s="94">
        <v>8.9550161314121256E-3</v>
      </c>
      <c r="I158" s="147">
        <v>9217</v>
      </c>
      <c r="J158" s="149">
        <v>0.16600000000000001</v>
      </c>
      <c r="K158" s="94">
        <v>7.7522857540576638E-3</v>
      </c>
      <c r="L158" s="149">
        <v>0.09</v>
      </c>
      <c r="M158" s="94">
        <v>5.9658068230432019E-3</v>
      </c>
      <c r="N158" s="149">
        <v>0.54</v>
      </c>
      <c r="O158" s="94">
        <v>1.0380493327592522E-2</v>
      </c>
      <c r="P158" s="147">
        <v>9217</v>
      </c>
      <c r="Q158" s="149">
        <v>0.114</v>
      </c>
      <c r="R158" s="94">
        <v>6.6235061239835148E-3</v>
      </c>
      <c r="S158" s="149">
        <v>8.2000000000000003E-2</v>
      </c>
      <c r="T158" s="94">
        <v>5.7201313275713596E-3</v>
      </c>
      <c r="U158" s="149">
        <v>0.77</v>
      </c>
      <c r="V158" s="94">
        <v>8.7665312126002475E-3</v>
      </c>
    </row>
    <row r="159" spans="1:26">
      <c r="A159" s="49" t="s">
        <v>425</v>
      </c>
      <c r="B159" s="148">
        <v>9197</v>
      </c>
      <c r="C159" s="150">
        <v>0.14000000000000001</v>
      </c>
      <c r="D159" s="97">
        <v>7.23817059315357E-3</v>
      </c>
      <c r="E159" s="150">
        <v>0.11</v>
      </c>
      <c r="F159" s="97">
        <v>6.5282517544928698E-3</v>
      </c>
      <c r="G159" s="150">
        <v>0.75</v>
      </c>
      <c r="H159" s="97">
        <v>9.0297562676581438E-3</v>
      </c>
      <c r="I159" s="148">
        <v>6503</v>
      </c>
      <c r="J159" s="150">
        <v>0.218</v>
      </c>
      <c r="K159" s="97">
        <v>1.0239899133076573E-2</v>
      </c>
      <c r="L159" s="150">
        <v>0.108</v>
      </c>
      <c r="M159" s="97">
        <v>7.7029874474262927E-3</v>
      </c>
      <c r="N159" s="150">
        <v>0.67300000000000004</v>
      </c>
      <c r="O159" s="97">
        <v>1.1632077679393428E-2</v>
      </c>
      <c r="P159" s="148">
        <v>8245</v>
      </c>
      <c r="Q159" s="150">
        <v>0.122</v>
      </c>
      <c r="R159" s="97">
        <v>7.2116921733752729E-3</v>
      </c>
      <c r="S159" s="150">
        <v>8.4000000000000005E-2</v>
      </c>
      <c r="T159" s="97">
        <v>6.1149053679823836E-3</v>
      </c>
      <c r="U159" s="150">
        <v>0.79300000000000004</v>
      </c>
      <c r="V159" s="97">
        <v>8.9240335224626353E-3</v>
      </c>
    </row>
    <row r="160" spans="1:26">
      <c r="A160" s="45" t="s">
        <v>426</v>
      </c>
      <c r="B160" s="147">
        <v>827</v>
      </c>
      <c r="C160" s="149">
        <v>0.15720000000000001</v>
      </c>
      <c r="D160" s="94">
        <v>2.5360621051829763E-2</v>
      </c>
      <c r="E160" s="149">
        <v>0.1061</v>
      </c>
      <c r="F160" s="94">
        <v>2.153360641377321E-2</v>
      </c>
      <c r="G160" s="149">
        <v>0.73660000000000003</v>
      </c>
      <c r="H160" s="94">
        <v>3.0602301708218295E-2</v>
      </c>
      <c r="I160" s="147">
        <v>621</v>
      </c>
      <c r="J160" s="149">
        <v>0.26379999999999998</v>
      </c>
      <c r="K160" s="94">
        <v>3.5319922306195642E-2</v>
      </c>
      <c r="L160" s="149">
        <v>0.1159</v>
      </c>
      <c r="M160" s="94">
        <v>2.5842546874374733E-2</v>
      </c>
      <c r="N160" s="149">
        <v>0.62029999999999996</v>
      </c>
      <c r="O160" s="94">
        <v>3.8840190316748437E-2</v>
      </c>
      <c r="P160" s="147">
        <v>801</v>
      </c>
      <c r="Q160" s="149">
        <v>0.16539999999999999</v>
      </c>
      <c r="R160" s="94">
        <v>2.6295283895361683E-2</v>
      </c>
      <c r="S160" s="149">
        <v>0.1024</v>
      </c>
      <c r="T160" s="94">
        <v>2.1552348566486808E-2</v>
      </c>
      <c r="U160" s="149">
        <v>0.73219999999999996</v>
      </c>
      <c r="V160" s="94">
        <v>3.1256712932594272E-2</v>
      </c>
    </row>
    <row r="161" spans="1:22">
      <c r="A161" s="49" t="s">
        <v>427</v>
      </c>
      <c r="B161" s="148">
        <v>6691</v>
      </c>
      <c r="C161" s="150">
        <v>0.13800000000000001</v>
      </c>
      <c r="D161" s="97">
        <v>8.4359393523618011E-3</v>
      </c>
      <c r="E161" s="150">
        <v>0.104</v>
      </c>
      <c r="F161" s="97">
        <v>7.4689829865589473E-3</v>
      </c>
      <c r="G161" s="150">
        <v>0.75800000000000001</v>
      </c>
      <c r="H161" s="97">
        <v>1.0471070855890552E-2</v>
      </c>
      <c r="I161" s="148">
        <v>4744</v>
      </c>
      <c r="J161" s="150">
        <v>0.20899999999999999</v>
      </c>
      <c r="K161" s="97">
        <v>1.1806557250446251E-2</v>
      </c>
      <c r="L161" s="150">
        <v>0.113</v>
      </c>
      <c r="M161" s="97">
        <v>9.2007125141454222E-3</v>
      </c>
      <c r="N161" s="150">
        <v>0.67700000000000005</v>
      </c>
      <c r="O161" s="97">
        <v>1.3574462017270233E-2</v>
      </c>
      <c r="P161" s="148">
        <v>6398</v>
      </c>
      <c r="Q161" s="150">
        <v>0.11899999999999999</v>
      </c>
      <c r="R161" s="97">
        <v>8.1004447907662008E-3</v>
      </c>
      <c r="S161" s="150">
        <v>8.5000000000000006E-2</v>
      </c>
      <c r="T161" s="97">
        <v>6.9805883730906732E-3</v>
      </c>
      <c r="U161" s="150">
        <v>0.79600000000000004</v>
      </c>
      <c r="V161" s="97">
        <v>1.0076044866476532E-2</v>
      </c>
    </row>
    <row r="162" spans="1:22">
      <c r="A162" s="45" t="s">
        <v>428</v>
      </c>
      <c r="B162" s="147">
        <v>2506</v>
      </c>
      <c r="C162" s="149">
        <v>0.10100000000000001</v>
      </c>
      <c r="D162" s="94">
        <v>1.2062652462615332E-2</v>
      </c>
      <c r="E162" s="149">
        <v>7.4999999999999997E-2</v>
      </c>
      <c r="F162" s="94">
        <v>1.0558147737489663E-2</v>
      </c>
      <c r="G162" s="149">
        <v>0.82399999999999995</v>
      </c>
      <c r="H162" s="94">
        <v>1.5219944885748422E-2</v>
      </c>
      <c r="I162" s="147">
        <v>2274</v>
      </c>
      <c r="J162" s="149">
        <v>0.11799999999999999</v>
      </c>
      <c r="K162" s="94">
        <v>1.3551709807302824E-2</v>
      </c>
      <c r="L162" s="149">
        <v>9.9000000000000005E-2</v>
      </c>
      <c r="M162" s="94">
        <v>1.2554584148566023E-2</v>
      </c>
      <c r="N162" s="149">
        <v>0.78300000000000003</v>
      </c>
      <c r="O162" s="94">
        <v>1.7287123091798813E-2</v>
      </c>
      <c r="P162" s="147">
        <v>2467</v>
      </c>
      <c r="Q162" s="149">
        <v>7.0999999999999994E-2</v>
      </c>
      <c r="R162" s="94">
        <v>1.0379630201697973E-2</v>
      </c>
      <c r="S162" s="149">
        <v>7.4999999999999997E-2</v>
      </c>
      <c r="T162" s="94">
        <v>1.0641831599851003E-2</v>
      </c>
      <c r="U162" s="149">
        <v>0.85399999999999998</v>
      </c>
      <c r="V162" s="94">
        <v>1.4229965881913194E-2</v>
      </c>
    </row>
    <row r="163" spans="1:22">
      <c r="A163" s="49" t="s">
        <v>429</v>
      </c>
      <c r="B163" s="148">
        <v>616</v>
      </c>
      <c r="C163" s="150">
        <v>0.104</v>
      </c>
      <c r="D163" s="97">
        <v>2.4783046371784346E-2</v>
      </c>
      <c r="E163" s="150">
        <v>7.8E-2</v>
      </c>
      <c r="F163" s="97">
        <v>2.1880385327023178E-2</v>
      </c>
      <c r="G163" s="150">
        <v>0.81799999999999995</v>
      </c>
      <c r="H163" s="97">
        <v>3.1126859751765986E-2</v>
      </c>
      <c r="I163" s="148">
        <v>580</v>
      </c>
      <c r="J163" s="150">
        <v>0.14199999999999999</v>
      </c>
      <c r="K163" s="97">
        <v>2.9094279748959149E-2</v>
      </c>
      <c r="L163" s="150">
        <v>0.09</v>
      </c>
      <c r="M163" s="97">
        <v>2.4014101683487953E-2</v>
      </c>
      <c r="N163" s="150">
        <v>0.76800000000000002</v>
      </c>
      <c r="O163" s="97">
        <v>3.5029979423037427E-2</v>
      </c>
      <c r="P163" s="148">
        <v>612</v>
      </c>
      <c r="Q163" s="150">
        <v>6.5000000000000002E-2</v>
      </c>
      <c r="R163" s="97">
        <v>2.0261999609943775E-2</v>
      </c>
      <c r="S163" s="150">
        <v>8.5000000000000006E-2</v>
      </c>
      <c r="T163" s="97">
        <v>2.2792745818051432E-2</v>
      </c>
      <c r="U163" s="150">
        <v>0.85099999999999998</v>
      </c>
      <c r="V163" s="97">
        <v>2.8874315434585209E-2</v>
      </c>
    </row>
    <row r="164" spans="1:22">
      <c r="A164" s="45" t="s">
        <v>430</v>
      </c>
      <c r="B164" s="147">
        <v>1594</v>
      </c>
      <c r="C164" s="149">
        <v>0.10100000000000001</v>
      </c>
      <c r="D164" s="94">
        <v>1.5141799827310171E-2</v>
      </c>
      <c r="E164" s="149">
        <v>7.2999999999999995E-2</v>
      </c>
      <c r="F164" s="94">
        <v>1.3102335590549361E-2</v>
      </c>
      <c r="G164" s="149">
        <v>0.82599999999999996</v>
      </c>
      <c r="H164" s="94">
        <v>1.9002363278861532E-2</v>
      </c>
      <c r="I164" s="147">
        <v>1448</v>
      </c>
      <c r="J164" s="149">
        <v>0.114</v>
      </c>
      <c r="K164" s="94">
        <v>1.6748322054369436E-2</v>
      </c>
      <c r="L164" s="149">
        <v>0.109</v>
      </c>
      <c r="M164" s="94">
        <v>1.6427498224161258E-2</v>
      </c>
      <c r="N164" s="149">
        <v>0.77700000000000002</v>
      </c>
      <c r="O164" s="94">
        <v>2.1874495949295022E-2</v>
      </c>
      <c r="P164" s="147">
        <v>1565</v>
      </c>
      <c r="Q164" s="149">
        <v>7.8E-2</v>
      </c>
      <c r="R164" s="94">
        <v>1.3625497721537514E-2</v>
      </c>
      <c r="S164" s="149">
        <v>7.5999999999999998E-2</v>
      </c>
      <c r="T164" s="94">
        <v>1.3467092433398865E-2</v>
      </c>
      <c r="U164" s="149">
        <v>0.84599999999999997</v>
      </c>
      <c r="V164" s="94">
        <v>1.8267443695222162E-2</v>
      </c>
    </row>
    <row r="165" spans="1:22">
      <c r="A165" s="49" t="s">
        <v>431</v>
      </c>
      <c r="B165" s="148">
        <v>234</v>
      </c>
      <c r="C165" s="150">
        <v>0.108</v>
      </c>
      <c r="D165" s="97">
        <v>4.1293735994394468E-2</v>
      </c>
      <c r="E165" s="150">
        <v>0.06</v>
      </c>
      <c r="F165" s="97">
        <v>3.2501552030591685E-2</v>
      </c>
      <c r="G165" s="150">
        <v>0.83199999999999996</v>
      </c>
      <c r="H165" s="97">
        <v>4.9101143062729315E-2</v>
      </c>
      <c r="I165" s="148">
        <v>229</v>
      </c>
      <c r="J165" s="150">
        <v>0.11899999999999999</v>
      </c>
      <c r="K165" s="97">
        <v>4.3412441990254985E-2</v>
      </c>
      <c r="L165" s="150">
        <v>0.13</v>
      </c>
      <c r="M165" s="97">
        <v>4.4962565670101075E-2</v>
      </c>
      <c r="N165" s="150">
        <v>0.751</v>
      </c>
      <c r="O165" s="97">
        <v>5.6983328165193255E-2</v>
      </c>
      <c r="P165" s="148">
        <v>234</v>
      </c>
      <c r="Q165" s="150">
        <v>0.13800000000000001</v>
      </c>
      <c r="R165" s="97">
        <v>4.5526578232556909E-2</v>
      </c>
      <c r="S165" s="150">
        <v>7.0999999999999994E-2</v>
      </c>
      <c r="T165" s="97">
        <v>3.4808785423703324E-2</v>
      </c>
      <c r="U165" s="150">
        <v>0.79100000000000004</v>
      </c>
      <c r="V165" s="97">
        <v>5.3159266118900761E-2</v>
      </c>
    </row>
    <row r="166" spans="1:22">
      <c r="A166" s="45" t="s">
        <v>432</v>
      </c>
      <c r="B166" s="147">
        <v>555</v>
      </c>
      <c r="C166" s="149">
        <v>0.123</v>
      </c>
      <c r="D166" s="94">
        <v>2.8042616311958899E-2</v>
      </c>
      <c r="E166" s="149">
        <v>8.8999999999999996E-2</v>
      </c>
      <c r="F166" s="94">
        <v>2.4441939495366272E-2</v>
      </c>
      <c r="G166" s="149">
        <v>0.78800000000000003</v>
      </c>
      <c r="H166" s="94">
        <v>3.4696618900635738E-2</v>
      </c>
      <c r="I166" s="147">
        <v>547</v>
      </c>
      <c r="J166" s="149">
        <v>0.13700000000000001</v>
      </c>
      <c r="K166" s="94">
        <v>2.9532008191125645E-2</v>
      </c>
      <c r="L166" s="149">
        <v>0.11799999999999999</v>
      </c>
      <c r="M166" s="94">
        <v>2.7764499452537304E-2</v>
      </c>
      <c r="N166" s="149">
        <v>0.745</v>
      </c>
      <c r="O166" s="94">
        <v>3.7221399986899169E-2</v>
      </c>
      <c r="P166" s="147">
        <v>553</v>
      </c>
      <c r="Q166" s="149">
        <v>6.9000000000000006E-2</v>
      </c>
      <c r="R166" s="94">
        <v>2.1918314415519786E-2</v>
      </c>
      <c r="S166" s="149">
        <v>9.5000000000000001E-2</v>
      </c>
      <c r="T166" s="94">
        <v>2.5184757268818875E-2</v>
      </c>
      <c r="U166" s="149">
        <v>0.83499999999999996</v>
      </c>
      <c r="V166" s="94">
        <v>3.1637654721640922E-2</v>
      </c>
    </row>
    <row r="167" spans="1:22">
      <c r="A167" s="49" t="s">
        <v>433</v>
      </c>
      <c r="B167" s="148">
        <v>721</v>
      </c>
      <c r="C167" s="150">
        <v>9.8000000000000004E-2</v>
      </c>
      <c r="D167" s="97">
        <v>2.2305007612629289E-2</v>
      </c>
      <c r="E167" s="150">
        <v>6.6000000000000003E-2</v>
      </c>
      <c r="F167" s="97">
        <v>1.8749407712841299E-2</v>
      </c>
      <c r="G167" s="150">
        <v>0.83599999999999997</v>
      </c>
      <c r="H167" s="97">
        <v>2.7627703479299916E-2</v>
      </c>
      <c r="I167" s="148">
        <v>666</v>
      </c>
      <c r="J167" s="150">
        <v>0.11700000000000001</v>
      </c>
      <c r="K167" s="97">
        <v>2.5044114160412828E-2</v>
      </c>
      <c r="L167" s="150">
        <v>7.9000000000000001E-2</v>
      </c>
      <c r="M167" s="97">
        <v>2.1141879370158517E-2</v>
      </c>
      <c r="N167" s="150">
        <v>0.80400000000000005</v>
      </c>
      <c r="O167" s="97">
        <v>3.0779347667265814E-2</v>
      </c>
      <c r="P167" s="148">
        <v>714</v>
      </c>
      <c r="Q167" s="150">
        <v>5.2999999999999999E-2</v>
      </c>
      <c r="R167" s="97">
        <v>1.7087531947146309E-2</v>
      </c>
      <c r="S167" s="150">
        <v>6.9000000000000006E-2</v>
      </c>
      <c r="T167" s="97">
        <v>1.921915755826234E-2</v>
      </c>
      <c r="U167" s="150">
        <v>0.879</v>
      </c>
      <c r="V167" s="97">
        <v>2.4523878276575265E-2</v>
      </c>
    </row>
    <row r="168" spans="1:22">
      <c r="A168" s="45" t="s">
        <v>434</v>
      </c>
      <c r="B168" s="147">
        <v>973</v>
      </c>
      <c r="C168" s="149">
        <v>7.6999999999999999E-2</v>
      </c>
      <c r="D168" s="94">
        <v>1.7232604686087505E-2</v>
      </c>
      <c r="E168" s="149">
        <v>7.3999999999999996E-2</v>
      </c>
      <c r="F168" s="94">
        <v>1.6929856341998652E-2</v>
      </c>
      <c r="G168" s="149">
        <v>0.84799999999999998</v>
      </c>
      <c r="H168" s="94">
        <v>2.3060208652792877E-2</v>
      </c>
      <c r="I168" s="147">
        <v>811</v>
      </c>
      <c r="J168" s="149">
        <v>9.1999999999999998E-2</v>
      </c>
      <c r="K168" s="94">
        <v>2.0444867372397382E-2</v>
      </c>
      <c r="L168" s="149">
        <v>7.4999999999999997E-2</v>
      </c>
      <c r="M168" s="94">
        <v>1.868612624016559E-2</v>
      </c>
      <c r="N168" s="149">
        <v>0.83299999999999996</v>
      </c>
      <c r="O168" s="94">
        <v>2.6231326737190325E-2</v>
      </c>
      <c r="P168" s="147">
        <v>943</v>
      </c>
      <c r="Q168" s="149">
        <v>4.9000000000000002E-2</v>
      </c>
      <c r="R168" s="94">
        <v>1.4285318266253145E-2</v>
      </c>
      <c r="S168" s="149">
        <v>0.06</v>
      </c>
      <c r="T168" s="94">
        <v>1.5656290616309961E-2</v>
      </c>
      <c r="U168" s="149">
        <v>0.89100000000000001</v>
      </c>
      <c r="V168" s="94">
        <v>2.0387768845567238E-2</v>
      </c>
    </row>
    <row r="169" spans="1:22">
      <c r="A169" s="49" t="s">
        <v>435</v>
      </c>
      <c r="B169" s="148">
        <v>742</v>
      </c>
      <c r="C169" s="150">
        <v>0.113</v>
      </c>
      <c r="D169" s="97">
        <v>2.3367078416982743E-2</v>
      </c>
      <c r="E169" s="150">
        <v>7.4999999999999997E-2</v>
      </c>
      <c r="F169" s="97">
        <v>1.9553570369413138E-2</v>
      </c>
      <c r="G169" s="150">
        <v>0.81200000000000006</v>
      </c>
      <c r="H169" s="97">
        <v>2.8707371223335446E-2</v>
      </c>
      <c r="I169" s="148">
        <v>666</v>
      </c>
      <c r="J169" s="150">
        <v>0.113</v>
      </c>
      <c r="K169" s="97">
        <v>2.4678705353003025E-2</v>
      </c>
      <c r="L169" s="150">
        <v>0.122</v>
      </c>
      <c r="M169" s="97">
        <v>2.5488304001118421E-2</v>
      </c>
      <c r="N169" s="150">
        <v>0.76600000000000001</v>
      </c>
      <c r="O169" s="97">
        <v>3.278936174655947E-2</v>
      </c>
      <c r="P169" s="148">
        <v>727</v>
      </c>
      <c r="Q169" s="150">
        <v>6.7000000000000004E-2</v>
      </c>
      <c r="R169" s="97">
        <v>1.8795064309501241E-2</v>
      </c>
      <c r="S169" s="150">
        <v>8.2000000000000003E-2</v>
      </c>
      <c r="T169" s="97">
        <v>2.0550951997733387E-2</v>
      </c>
      <c r="U169" s="150">
        <v>0.85199999999999998</v>
      </c>
      <c r="V169" s="97">
        <v>2.6408169833647362E-2</v>
      </c>
    </row>
    <row r="170" spans="1:22">
      <c r="A170" s="45" t="s">
        <v>436</v>
      </c>
      <c r="B170" s="147">
        <v>132</v>
      </c>
      <c r="C170" s="149">
        <v>0.21299999999999999</v>
      </c>
      <c r="D170" s="94">
        <v>7.1209091833984814E-2</v>
      </c>
      <c r="E170" s="149">
        <v>2.7E-2</v>
      </c>
      <c r="F170" s="94">
        <v>3.3971437922835773E-2</v>
      </c>
      <c r="G170" s="149">
        <v>0.76</v>
      </c>
      <c r="H170" s="94">
        <v>7.4026623406237863E-2</v>
      </c>
      <c r="I170" s="147">
        <v>128</v>
      </c>
      <c r="J170" s="149">
        <v>0.224</v>
      </c>
      <c r="K170" s="94">
        <v>7.351989564973968E-2</v>
      </c>
      <c r="L170" s="149">
        <v>0.04</v>
      </c>
      <c r="M170" s="94">
        <v>3.9323805620901556E-2</v>
      </c>
      <c r="N170" s="149">
        <v>0.73499999999999999</v>
      </c>
      <c r="O170" s="94">
        <v>7.7473604113857633E-2</v>
      </c>
      <c r="P170" s="147">
        <v>131</v>
      </c>
      <c r="Q170" s="149">
        <v>0.16800000000000001</v>
      </c>
      <c r="R170" s="94">
        <v>6.5819286894169729E-2</v>
      </c>
      <c r="S170" s="149">
        <v>4.3999999999999997E-2</v>
      </c>
      <c r="T170" s="94">
        <v>4.0075330255750267E-2</v>
      </c>
      <c r="U170" s="149">
        <v>0.78800000000000003</v>
      </c>
      <c r="V170" s="94">
        <v>7.1367257192475553E-2</v>
      </c>
    </row>
    <row r="171" spans="1:22">
      <c r="A171" s="49" t="s">
        <v>437</v>
      </c>
      <c r="B171" s="148">
        <v>155</v>
      </c>
      <c r="C171" s="150">
        <v>0.126</v>
      </c>
      <c r="D171" s="97">
        <v>5.4270058588090482E-2</v>
      </c>
      <c r="E171" s="150">
        <v>0.05</v>
      </c>
      <c r="F171" s="97">
        <v>3.8053428099665033E-2</v>
      </c>
      <c r="G171" s="150">
        <v>0.82399999999999995</v>
      </c>
      <c r="H171" s="97">
        <v>6.1478507456319727E-2</v>
      </c>
      <c r="I171" s="148">
        <v>137</v>
      </c>
      <c r="J171" s="150">
        <v>0.107</v>
      </c>
      <c r="K171" s="97">
        <v>5.4366699510465681E-2</v>
      </c>
      <c r="L171" s="150">
        <v>0.13800000000000001</v>
      </c>
      <c r="M171" s="97">
        <v>5.9854589250166707E-2</v>
      </c>
      <c r="N171" s="150">
        <v>0.75600000000000001</v>
      </c>
      <c r="O171" s="97">
        <v>7.3054844255929494E-2</v>
      </c>
      <c r="P171" s="148">
        <v>154</v>
      </c>
      <c r="Q171" s="150">
        <v>8.8999999999999996E-2</v>
      </c>
      <c r="R171" s="97">
        <v>4.7606960634355877E-2</v>
      </c>
      <c r="S171" s="150">
        <v>0.08</v>
      </c>
      <c r="T171" s="97">
        <v>4.5678731378818588E-2</v>
      </c>
      <c r="U171" s="150">
        <v>0.83099999999999996</v>
      </c>
      <c r="V171" s="97">
        <v>6.0778946273170049E-2</v>
      </c>
    </row>
    <row r="172" spans="1:22">
      <c r="A172" s="45" t="s">
        <v>438</v>
      </c>
      <c r="B172" s="147">
        <v>255</v>
      </c>
      <c r="C172" s="149">
        <v>7.6999999999999999E-2</v>
      </c>
      <c r="D172" s="94">
        <v>3.4384850475921151E-2</v>
      </c>
      <c r="E172" s="149">
        <v>5.8999999999999997E-2</v>
      </c>
      <c r="F172" s="94">
        <v>3.0813863397354167E-2</v>
      </c>
      <c r="G172" s="149">
        <v>0.86399999999999999</v>
      </c>
      <c r="H172" s="94">
        <v>4.3329560101003431E-2</v>
      </c>
      <c r="I172" s="147">
        <v>241</v>
      </c>
      <c r="J172" s="149">
        <v>0.10199999999999999</v>
      </c>
      <c r="K172" s="94">
        <v>3.9739180694008315E-2</v>
      </c>
      <c r="L172" s="149">
        <v>8.5999999999999993E-2</v>
      </c>
      <c r="M172" s="94">
        <v>3.7066937249032178E-2</v>
      </c>
      <c r="N172" s="149">
        <v>0.81200000000000006</v>
      </c>
      <c r="O172" s="94">
        <v>5.0436240938975606E-2</v>
      </c>
      <c r="P172" s="147">
        <v>255</v>
      </c>
      <c r="Q172" s="149">
        <v>5.1999999999999998E-2</v>
      </c>
      <c r="R172" s="94">
        <v>2.9263146380695104E-2</v>
      </c>
      <c r="S172" s="149">
        <v>6.3E-2</v>
      </c>
      <c r="T172" s="94">
        <v>3.1655507404624104E-2</v>
      </c>
      <c r="U172" s="149">
        <v>0.88500000000000001</v>
      </c>
      <c r="V172" s="94">
        <v>4.0521317923504198E-2</v>
      </c>
    </row>
    <row r="173" spans="1:22">
      <c r="A173" s="49" t="s">
        <v>439</v>
      </c>
      <c r="B173" s="148">
        <v>407</v>
      </c>
      <c r="C173" s="150">
        <v>6.8000000000000005E-2</v>
      </c>
      <c r="D173" s="97">
        <v>2.5533891820000057E-2</v>
      </c>
      <c r="E173" s="150">
        <v>8.5999999999999993E-2</v>
      </c>
      <c r="F173" s="97">
        <v>2.8236736567875547E-2</v>
      </c>
      <c r="G173" s="150">
        <v>0.84499999999999997</v>
      </c>
      <c r="H173" s="97">
        <v>3.6015746003862266E-2</v>
      </c>
      <c r="I173" s="148">
        <v>382</v>
      </c>
      <c r="J173" s="150">
        <v>7.4999999999999997E-2</v>
      </c>
      <c r="K173" s="97">
        <v>2.7522788828409604E-2</v>
      </c>
      <c r="L173" s="150">
        <v>8.2000000000000003E-2</v>
      </c>
      <c r="M173" s="97">
        <v>2.8590092125164956E-2</v>
      </c>
      <c r="N173" s="150">
        <v>0.84199999999999997</v>
      </c>
      <c r="O173" s="97">
        <v>3.7464672703115563E-2</v>
      </c>
      <c r="P173" s="148">
        <v>400</v>
      </c>
      <c r="Q173" s="150">
        <v>4.4999999999999998E-2</v>
      </c>
      <c r="R173" s="97">
        <v>2.1584329292458206E-2</v>
      </c>
      <c r="S173" s="150">
        <v>7.0000000000000007E-2</v>
      </c>
      <c r="T173" s="97">
        <v>2.6088816401559134E-2</v>
      </c>
      <c r="U173" s="150">
        <v>0.88500000000000001</v>
      </c>
      <c r="V173" s="97">
        <v>3.2196122095474858E-2</v>
      </c>
    </row>
    <row r="174" spans="1:22">
      <c r="A174" s="45" t="s">
        <v>440</v>
      </c>
      <c r="B174" s="147">
        <v>409</v>
      </c>
      <c r="C174" s="149">
        <v>7.0000000000000007E-2</v>
      </c>
      <c r="D174" s="94">
        <v>2.5788157982489752E-2</v>
      </c>
      <c r="E174" s="149">
        <v>9.1999999999999998E-2</v>
      </c>
      <c r="F174" s="94">
        <v>2.8985237843406415E-2</v>
      </c>
      <c r="G174" s="149">
        <v>0.83799999999999997</v>
      </c>
      <c r="H174" s="94">
        <v>3.6553485616326493E-2</v>
      </c>
      <c r="I174" s="147">
        <v>383</v>
      </c>
      <c r="J174" s="149">
        <v>0.10299999999999999</v>
      </c>
      <c r="K174" s="94">
        <v>3.1439574072332846E-2</v>
      </c>
      <c r="L174" s="149">
        <v>0.111</v>
      </c>
      <c r="M174" s="94">
        <v>3.2436129548804676E-2</v>
      </c>
      <c r="N174" s="149">
        <v>0.78600000000000003</v>
      </c>
      <c r="O174" s="94">
        <v>4.190380703644303E-2</v>
      </c>
      <c r="P174" s="147">
        <v>406</v>
      </c>
      <c r="Q174" s="149">
        <v>5.8999999999999997E-2</v>
      </c>
      <c r="R174" s="94">
        <v>2.4051822148497645E-2</v>
      </c>
      <c r="S174" s="149">
        <v>0.10199999999999999</v>
      </c>
      <c r="T174" s="94">
        <v>3.0391226692204079E-2</v>
      </c>
      <c r="U174" s="149">
        <v>0.83899999999999997</v>
      </c>
      <c r="V174" s="94">
        <v>3.6600736048761302E-2</v>
      </c>
    </row>
    <row r="175" spans="1:22">
      <c r="A175" s="49" t="s">
        <v>441</v>
      </c>
      <c r="B175" s="148">
        <v>281</v>
      </c>
      <c r="C175" s="150">
        <v>0.127</v>
      </c>
      <c r="D175" s="97">
        <v>4.013118300968388E-2</v>
      </c>
      <c r="E175" s="150">
        <v>8.2000000000000003E-2</v>
      </c>
      <c r="F175" s="97">
        <v>3.3538899239289828E-2</v>
      </c>
      <c r="G175" s="150">
        <v>0.79200000000000004</v>
      </c>
      <c r="H175" s="97">
        <v>4.8429740003356932E-2</v>
      </c>
      <c r="I175" s="148">
        <v>233</v>
      </c>
      <c r="J175" s="150">
        <v>0.216</v>
      </c>
      <c r="K175" s="97">
        <v>5.3885891339866293E-2</v>
      </c>
      <c r="L175" s="150">
        <v>5.5E-2</v>
      </c>
      <c r="M175" s="97">
        <v>3.1449639562855007E-2</v>
      </c>
      <c r="N175" s="150">
        <v>0.72799999999999998</v>
      </c>
      <c r="O175" s="97">
        <v>5.8063827282698051E-2</v>
      </c>
      <c r="P175" s="148">
        <v>271</v>
      </c>
      <c r="Q175" s="150">
        <v>0.105</v>
      </c>
      <c r="R175" s="97">
        <v>3.7847713771323135E-2</v>
      </c>
      <c r="S175" s="150">
        <v>6.0999999999999999E-2</v>
      </c>
      <c r="T175" s="97">
        <v>3.0234154091305903E-2</v>
      </c>
      <c r="U175" s="150">
        <v>0.83299999999999996</v>
      </c>
      <c r="V175" s="97">
        <v>4.5497396689554361E-2</v>
      </c>
    </row>
    <row r="176" spans="1:22">
      <c r="A176" s="45" t="s">
        <v>442</v>
      </c>
      <c r="B176" s="147">
        <v>769</v>
      </c>
      <c r="C176" s="149">
        <v>0.108</v>
      </c>
      <c r="D176" s="94">
        <v>2.2510276326697401E-2</v>
      </c>
      <c r="E176" s="149">
        <v>5.5E-2</v>
      </c>
      <c r="F176" s="94">
        <v>1.671914185180208E-2</v>
      </c>
      <c r="G176" s="149">
        <v>0.83599999999999997</v>
      </c>
      <c r="H176" s="94">
        <v>2.6748734565293083E-2</v>
      </c>
      <c r="I176" s="147">
        <v>699</v>
      </c>
      <c r="J176" s="149">
        <v>0.105</v>
      </c>
      <c r="K176" s="94">
        <v>2.3340571106889987E-2</v>
      </c>
      <c r="L176" s="149">
        <v>7.9000000000000001E-2</v>
      </c>
      <c r="M176" s="94">
        <v>2.0626079572462631E-2</v>
      </c>
      <c r="N176" s="149">
        <v>0.81599999999999995</v>
      </c>
      <c r="O176" s="94">
        <v>2.9338569913138778E-2</v>
      </c>
      <c r="P176" s="147">
        <v>758</v>
      </c>
      <c r="Q176" s="149">
        <v>5.0999999999999997E-2</v>
      </c>
      <c r="R176" s="94">
        <v>1.6283252380904223E-2</v>
      </c>
      <c r="S176" s="149">
        <v>5.6000000000000001E-2</v>
      </c>
      <c r="T176" s="94">
        <v>1.6980494767943864E-2</v>
      </c>
      <c r="U176" s="149">
        <v>0.89200000000000002</v>
      </c>
      <c r="V176" s="94">
        <v>2.2674813577885554E-2</v>
      </c>
    </row>
    <row r="177" spans="1:22">
      <c r="A177" s="49" t="s">
        <v>443</v>
      </c>
      <c r="B177" s="148">
        <v>1011</v>
      </c>
      <c r="C177" s="150">
        <v>9.8000000000000004E-2</v>
      </c>
      <c r="D177" s="97">
        <v>1.8798094055283099E-2</v>
      </c>
      <c r="E177" s="150">
        <v>7.8E-2</v>
      </c>
      <c r="F177" s="97">
        <v>1.6998041264701502E-2</v>
      </c>
      <c r="G177" s="150">
        <v>0.82399999999999995</v>
      </c>
      <c r="H177" s="97">
        <v>2.3974515756012591E-2</v>
      </c>
      <c r="I177" s="148">
        <v>900</v>
      </c>
      <c r="J177" s="150">
        <v>0.105</v>
      </c>
      <c r="K177" s="97">
        <v>2.0540559644043783E-2</v>
      </c>
      <c r="L177" s="150">
        <v>0.104</v>
      </c>
      <c r="M177" s="97">
        <v>2.0455940345447645E-2</v>
      </c>
      <c r="N177" s="150">
        <v>0.79</v>
      </c>
      <c r="O177" s="97">
        <v>2.7154311675568817E-2</v>
      </c>
      <c r="P177" s="148">
        <v>986</v>
      </c>
      <c r="Q177" s="150">
        <v>6.0999999999999999E-2</v>
      </c>
      <c r="R177" s="97">
        <v>1.5417842906135225E-2</v>
      </c>
      <c r="S177" s="150">
        <v>6.9000000000000006E-2</v>
      </c>
      <c r="T177" s="97">
        <v>1.6297371228400959E-2</v>
      </c>
      <c r="U177" s="150">
        <v>0.87</v>
      </c>
      <c r="V177" s="97">
        <v>2.1480931431404168E-2</v>
      </c>
    </row>
    <row r="178" spans="1:22">
      <c r="A178" s="45" t="s">
        <v>444</v>
      </c>
      <c r="B178" s="147">
        <v>282</v>
      </c>
      <c r="C178" s="149">
        <v>0.115</v>
      </c>
      <c r="D178" s="94">
        <v>3.8483882697292013E-2</v>
      </c>
      <c r="E178" s="149">
        <v>0.105</v>
      </c>
      <c r="F178" s="94">
        <v>3.7080297641874475E-2</v>
      </c>
      <c r="G178" s="149">
        <v>0.78</v>
      </c>
      <c r="H178" s="94">
        <v>4.9299664714638702E-2</v>
      </c>
      <c r="I178" s="147">
        <v>268</v>
      </c>
      <c r="J178" s="149">
        <v>0.13500000000000001</v>
      </c>
      <c r="K178" s="94">
        <v>4.2124565055878707E-2</v>
      </c>
      <c r="L178" s="149">
        <v>0.13200000000000001</v>
      </c>
      <c r="M178" s="94">
        <v>4.1750267985455107E-2</v>
      </c>
      <c r="N178" s="149">
        <v>0.73299999999999998</v>
      </c>
      <c r="O178" s="94">
        <v>5.3864753644637005E-2</v>
      </c>
      <c r="P178" s="147">
        <v>281</v>
      </c>
      <c r="Q178" s="149">
        <v>8.8999999999999996E-2</v>
      </c>
      <c r="R178" s="94">
        <v>3.4699181935616587E-2</v>
      </c>
      <c r="S178" s="149">
        <v>4.9000000000000002E-2</v>
      </c>
      <c r="T178" s="94">
        <v>2.7084904859234669E-2</v>
      </c>
      <c r="U178" s="149">
        <v>0.86199999999999999</v>
      </c>
      <c r="V178" s="94">
        <v>4.1482799570527286E-2</v>
      </c>
    </row>
    <row r="179" spans="1:22">
      <c r="A179" s="49" t="s">
        <v>445</v>
      </c>
      <c r="B179" s="148">
        <v>190</v>
      </c>
      <c r="C179" s="150">
        <v>0.05</v>
      </c>
      <c r="D179" s="97">
        <v>3.3908435734054582E-2</v>
      </c>
      <c r="E179" s="150">
        <v>9.5000000000000001E-2</v>
      </c>
      <c r="F179" s="97">
        <v>4.371161029500837E-2</v>
      </c>
      <c r="G179" s="150">
        <v>0.85499999999999998</v>
      </c>
      <c r="H179" s="97">
        <v>5.1596837362808262E-2</v>
      </c>
      <c r="I179" s="148">
        <v>183</v>
      </c>
      <c r="J179" s="150">
        <v>0.11799999999999999</v>
      </c>
      <c r="K179" s="97">
        <v>4.8562649479060666E-2</v>
      </c>
      <c r="L179" s="150">
        <v>0.10100000000000001</v>
      </c>
      <c r="M179" s="97">
        <v>4.5676588241483664E-2</v>
      </c>
      <c r="N179" s="150">
        <v>0.78200000000000003</v>
      </c>
      <c r="O179" s="97">
        <v>6.0979826628360323E-2</v>
      </c>
      <c r="P179" s="148">
        <v>191</v>
      </c>
      <c r="Q179" s="150">
        <v>0.06</v>
      </c>
      <c r="R179" s="97">
        <v>3.6306699786223778E-2</v>
      </c>
      <c r="S179" s="150">
        <v>0.14399999999999999</v>
      </c>
      <c r="T179" s="97">
        <v>5.1323028908868841E-2</v>
      </c>
      <c r="U179" s="150">
        <v>0.79600000000000004</v>
      </c>
      <c r="V179" s="97">
        <v>5.8343217191276484E-2</v>
      </c>
    </row>
    <row r="180" spans="1:22">
      <c r="A180" s="45" t="s">
        <v>446</v>
      </c>
      <c r="B180" s="147">
        <v>166</v>
      </c>
      <c r="C180" s="149">
        <v>0.128</v>
      </c>
      <c r="D180" s="94">
        <v>5.2703738957900127E-2</v>
      </c>
      <c r="E180" s="149">
        <v>3.1E-2</v>
      </c>
      <c r="F180" s="94">
        <v>3.078132671760973E-2</v>
      </c>
      <c r="G180" s="149">
        <v>0.84099999999999997</v>
      </c>
      <c r="H180" s="94">
        <v>5.7215109077030701E-2</v>
      </c>
      <c r="I180" s="147">
        <v>154</v>
      </c>
      <c r="J180" s="149">
        <v>0.15</v>
      </c>
      <c r="K180" s="94">
        <v>5.8162587171655095E-2</v>
      </c>
      <c r="L180" s="149">
        <v>8.1000000000000003E-2</v>
      </c>
      <c r="M180" s="94">
        <v>4.5899075715748555E-2</v>
      </c>
      <c r="N180" s="149">
        <v>0.76900000000000002</v>
      </c>
      <c r="O180" s="94">
        <v>6.7740470912319203E-2</v>
      </c>
      <c r="P180" s="147">
        <v>165</v>
      </c>
      <c r="Q180" s="149">
        <v>0.11799999999999999</v>
      </c>
      <c r="R180" s="94">
        <v>5.1233748514123663E-2</v>
      </c>
      <c r="S180" s="149">
        <v>0.121</v>
      </c>
      <c r="T180" s="94">
        <v>5.1733981743786357E-2</v>
      </c>
      <c r="U180" s="149">
        <v>0.76200000000000001</v>
      </c>
      <c r="V180" s="94">
        <v>6.6094242458858171E-2</v>
      </c>
    </row>
    <row r="181" spans="1:22">
      <c r="A181" s="49" t="s">
        <v>447</v>
      </c>
      <c r="B181" s="148">
        <v>79</v>
      </c>
      <c r="C181" s="150">
        <v>7.9000000000000001E-2</v>
      </c>
      <c r="D181" s="97">
        <v>6.5649973619830881E-2</v>
      </c>
      <c r="E181" s="150">
        <v>9.9000000000000005E-2</v>
      </c>
      <c r="F181" s="97">
        <v>7.0906156987784172E-2</v>
      </c>
      <c r="G181" s="150">
        <v>0.82199999999999995</v>
      </c>
      <c r="H181" s="97">
        <v>8.672594364180318E-2</v>
      </c>
      <c r="I181" s="148">
        <v>63</v>
      </c>
      <c r="J181" s="150">
        <v>0.107</v>
      </c>
      <c r="K181" s="97">
        <v>8.2296215607607706E-2</v>
      </c>
      <c r="L181" s="150">
        <v>8.8999999999999996E-2</v>
      </c>
      <c r="M181" s="97">
        <v>7.7516138672562046E-2</v>
      </c>
      <c r="N181" s="150">
        <v>0.80400000000000005</v>
      </c>
      <c r="O181" s="97">
        <v>0.10023535017316713</v>
      </c>
      <c r="P181" s="148">
        <v>77</v>
      </c>
      <c r="Q181" s="150">
        <v>7.5999999999999998E-2</v>
      </c>
      <c r="R181" s="97">
        <v>6.5749709891181965E-2</v>
      </c>
      <c r="S181" s="150">
        <v>4.7E-2</v>
      </c>
      <c r="T181" s="97">
        <v>5.6462867546798481E-2</v>
      </c>
      <c r="U181" s="150">
        <v>0.877</v>
      </c>
      <c r="V181" s="97">
        <v>7.7479373228650811E-2</v>
      </c>
    </row>
    <row r="183" spans="1:22" ht="19.5" customHeight="1">
      <c r="A183" s="343" t="s">
        <v>4</v>
      </c>
      <c r="B183" s="343"/>
      <c r="C183" s="343"/>
      <c r="D183" s="343"/>
      <c r="E183" s="343"/>
      <c r="F183" s="343"/>
      <c r="G183" s="343"/>
      <c r="H183" s="343"/>
      <c r="I183" s="343"/>
      <c r="J183" s="343"/>
    </row>
    <row r="184" spans="1:22" ht="43.5" customHeight="1">
      <c r="A184" s="400" t="s">
        <v>510</v>
      </c>
      <c r="B184" s="400"/>
      <c r="C184" s="400"/>
      <c r="D184" s="400"/>
      <c r="E184" s="400"/>
      <c r="F184" s="400"/>
      <c r="G184" s="400"/>
      <c r="H184" s="400"/>
      <c r="I184" s="400"/>
      <c r="J184" s="400"/>
    </row>
    <row r="185" spans="1:22" ht="43.5" customHeight="1">
      <c r="A185" s="398" t="s">
        <v>140</v>
      </c>
      <c r="B185" s="399"/>
      <c r="C185" s="399"/>
      <c r="D185" s="399"/>
      <c r="E185" s="399"/>
      <c r="F185" s="399"/>
      <c r="G185" s="399"/>
      <c r="H185" s="399"/>
      <c r="I185" s="399"/>
      <c r="J185" s="399"/>
    </row>
    <row r="186" spans="1:22" ht="39.75" customHeight="1">
      <c r="A186" s="37" t="s">
        <v>85</v>
      </c>
      <c r="B186" s="38" t="s">
        <v>86</v>
      </c>
      <c r="C186" s="38" t="s">
        <v>178</v>
      </c>
      <c r="D186" s="89" t="s">
        <v>101</v>
      </c>
      <c r="E186" s="38" t="s">
        <v>179</v>
      </c>
      <c r="F186" s="89" t="s">
        <v>102</v>
      </c>
      <c r="G186" s="38" t="s">
        <v>180</v>
      </c>
      <c r="H186" s="89" t="s">
        <v>103</v>
      </c>
      <c r="I186" s="38" t="s">
        <v>353</v>
      </c>
      <c r="J186" s="89" t="s">
        <v>352</v>
      </c>
    </row>
    <row r="187" spans="1:22" ht="72">
      <c r="A187" s="41"/>
      <c r="B187" s="42" t="s">
        <v>89</v>
      </c>
      <c r="C187" s="42" t="s">
        <v>181</v>
      </c>
      <c r="D187" s="91" t="s">
        <v>104</v>
      </c>
      <c r="E187" s="42" t="s">
        <v>182</v>
      </c>
      <c r="F187" s="91" t="s">
        <v>104</v>
      </c>
      <c r="G187" s="42" t="s">
        <v>183</v>
      </c>
      <c r="H187" s="91" t="s">
        <v>104</v>
      </c>
      <c r="I187" s="42" t="s">
        <v>353</v>
      </c>
      <c r="J187" s="91" t="s">
        <v>104</v>
      </c>
    </row>
    <row r="188" spans="1:22">
      <c r="A188" s="45" t="s">
        <v>424</v>
      </c>
      <c r="B188" s="151">
        <v>9113</v>
      </c>
      <c r="C188" s="154">
        <v>0.121</v>
      </c>
      <c r="D188" s="94">
        <v>6.8351534005307987E-3</v>
      </c>
      <c r="E188" s="154">
        <v>0.16200000000000001</v>
      </c>
      <c r="F188" s="94">
        <v>7.7204708880824402E-3</v>
      </c>
      <c r="G188" s="154">
        <v>0.68</v>
      </c>
      <c r="H188" s="94">
        <v>9.7715132880957269E-3</v>
      </c>
      <c r="I188" s="154">
        <v>3.6999999999999998E-2</v>
      </c>
      <c r="J188" s="94">
        <v>3.9642508892939075E-3</v>
      </c>
    </row>
    <row r="189" spans="1:22">
      <c r="A189" s="49" t="s">
        <v>425</v>
      </c>
      <c r="B189" s="49">
        <v>8765</v>
      </c>
      <c r="C189" s="153">
        <v>0.123</v>
      </c>
      <c r="D189" s="97">
        <v>7.0188848230340883E-3</v>
      </c>
      <c r="E189" s="153">
        <v>0.16700000000000001</v>
      </c>
      <c r="F189" s="97">
        <v>7.9688108376723028E-3</v>
      </c>
      <c r="G189" s="153">
        <v>0.67400000000000004</v>
      </c>
      <c r="H189" s="97">
        <v>1.0012003621009709E-2</v>
      </c>
      <c r="I189" s="153">
        <v>3.6999999999999998E-2</v>
      </c>
      <c r="J189" s="97">
        <v>4.0425677306913498E-3</v>
      </c>
    </row>
    <row r="190" spans="1:22">
      <c r="A190" s="45" t="s">
        <v>426</v>
      </c>
      <c r="B190" s="53">
        <v>841</v>
      </c>
      <c r="C190" s="154">
        <v>0.14069999999999999</v>
      </c>
      <c r="D190" s="94">
        <v>2.4043632179673178E-2</v>
      </c>
      <c r="E190" s="154">
        <v>0.19089999999999999</v>
      </c>
      <c r="F190" s="94">
        <v>2.7118813432807469E-2</v>
      </c>
      <c r="G190" s="154">
        <v>0.57730000000000004</v>
      </c>
      <c r="H190" s="94">
        <v>3.399137704072034E-2</v>
      </c>
      <c r="I190" s="154">
        <v>9.11E-2</v>
      </c>
      <c r="J190" s="94">
        <v>1.9985793116332456E-2</v>
      </c>
    </row>
    <row r="191" spans="1:22">
      <c r="A191" s="49" t="s">
        <v>427</v>
      </c>
      <c r="B191" s="49">
        <v>6897</v>
      </c>
      <c r="C191" s="153">
        <v>0.121</v>
      </c>
      <c r="D191" s="97">
        <v>7.8577952309182644E-3</v>
      </c>
      <c r="E191" s="153">
        <v>0.16200000000000001</v>
      </c>
      <c r="F191" s="97">
        <v>8.8749348433930838E-3</v>
      </c>
      <c r="G191" s="153">
        <v>0.68</v>
      </c>
      <c r="H191" s="97">
        <v>1.1231581038716718E-2</v>
      </c>
      <c r="I191" s="153">
        <v>3.6999999999999998E-2</v>
      </c>
      <c r="J191" s="97">
        <v>4.5603353911101291E-3</v>
      </c>
    </row>
    <row r="192" spans="1:22">
      <c r="A192" s="45" t="s">
        <v>428</v>
      </c>
      <c r="B192" s="53">
        <v>2513</v>
      </c>
      <c r="C192" s="154">
        <v>0.121</v>
      </c>
      <c r="D192" s="94">
        <v>1.302881400197487E-2</v>
      </c>
      <c r="E192" s="154">
        <v>0.151</v>
      </c>
      <c r="F192" s="94">
        <v>1.4295025436918013E-2</v>
      </c>
      <c r="G192" s="154">
        <v>0.71499999999999997</v>
      </c>
      <c r="H192" s="94">
        <v>1.8001977739524284E-2</v>
      </c>
      <c r="I192" s="154">
        <v>1.4E-2</v>
      </c>
      <c r="J192" s="94">
        <v>4.8092953578069732E-3</v>
      </c>
    </row>
    <row r="193" spans="1:10">
      <c r="A193" s="49" t="s">
        <v>429</v>
      </c>
      <c r="B193" s="49">
        <v>618</v>
      </c>
      <c r="C193" s="153">
        <v>0.14399999999999999</v>
      </c>
      <c r="D193" s="97">
        <v>2.8339785324573718E-2</v>
      </c>
      <c r="E193" s="153">
        <v>0.189</v>
      </c>
      <c r="F193" s="97">
        <v>3.152286976669437E-2</v>
      </c>
      <c r="G193" s="153">
        <v>0.65100000000000002</v>
      </c>
      <c r="H193" s="97">
        <v>3.8248747325431716E-2</v>
      </c>
      <c r="I193" s="153">
        <v>1.6E-2</v>
      </c>
      <c r="J193" s="97">
        <v>1.0980031861537778E-2</v>
      </c>
    </row>
    <row r="194" spans="1:10">
      <c r="A194" s="45" t="s">
        <v>430</v>
      </c>
      <c r="B194" s="53">
        <v>1592</v>
      </c>
      <c r="C194" s="154">
        <v>0.11799999999999999</v>
      </c>
      <c r="D194" s="94">
        <v>1.620719015065928E-2</v>
      </c>
      <c r="E194" s="154">
        <v>0.13100000000000001</v>
      </c>
      <c r="F194" s="94">
        <v>1.6941640651725317E-2</v>
      </c>
      <c r="G194" s="154">
        <v>0.73899999999999999</v>
      </c>
      <c r="H194" s="94">
        <v>2.2002788727556614E-2</v>
      </c>
      <c r="I194" s="154">
        <v>1.2999999999999999E-2</v>
      </c>
      <c r="J194" s="94">
        <v>5.9273647072945433E-3</v>
      </c>
    </row>
    <row r="195" spans="1:10">
      <c r="A195" s="49" t="s">
        <v>431</v>
      </c>
      <c r="B195" s="49">
        <v>233</v>
      </c>
      <c r="C195" s="153">
        <v>0.215</v>
      </c>
      <c r="D195" s="97">
        <v>5.379969645800229E-2</v>
      </c>
      <c r="E195" s="153">
        <v>0.13500000000000001</v>
      </c>
      <c r="F195" s="97">
        <v>4.5234335313113785E-2</v>
      </c>
      <c r="G195" s="153">
        <v>0.64600000000000002</v>
      </c>
      <c r="H195" s="97">
        <v>6.2222881740268417E-2</v>
      </c>
      <c r="I195" s="153">
        <v>4.0000000000000001E-3</v>
      </c>
      <c r="J195" s="97">
        <v>1.4360199776961589E-2</v>
      </c>
    </row>
    <row r="196" spans="1:10">
      <c r="A196" s="45" t="s">
        <v>432</v>
      </c>
      <c r="B196" s="53">
        <v>555</v>
      </c>
      <c r="C196" s="154">
        <v>0.14399999999999999</v>
      </c>
      <c r="D196" s="94">
        <v>2.9915954287813896E-2</v>
      </c>
      <c r="E196" s="154">
        <v>0.16800000000000001</v>
      </c>
      <c r="F196" s="94">
        <v>3.1803038932475131E-2</v>
      </c>
      <c r="G196" s="154">
        <v>0.67300000000000004</v>
      </c>
      <c r="H196" s="94">
        <v>3.9721552261976441E-2</v>
      </c>
      <c r="I196" s="154">
        <v>1.4999999999999999E-2</v>
      </c>
      <c r="J196" s="94">
        <v>1.1389768582248494E-2</v>
      </c>
    </row>
    <row r="197" spans="1:10">
      <c r="A197" s="49" t="s">
        <v>433</v>
      </c>
      <c r="B197" s="49">
        <v>721</v>
      </c>
      <c r="C197" s="153">
        <v>9.4E-2</v>
      </c>
      <c r="D197" s="97">
        <v>2.1906114706109831E-2</v>
      </c>
      <c r="E197" s="153">
        <v>0.13800000000000001</v>
      </c>
      <c r="F197" s="97">
        <v>2.5773337068453164E-2</v>
      </c>
      <c r="G197" s="153">
        <v>0.75</v>
      </c>
      <c r="H197" s="97">
        <v>3.222230991316518E-2</v>
      </c>
      <c r="I197" s="153">
        <v>1.7000000000000001E-2</v>
      </c>
      <c r="J197" s="97">
        <v>1.0313198010239555E-2</v>
      </c>
    </row>
    <row r="198" spans="1:10">
      <c r="A198" s="45" t="s">
        <v>434</v>
      </c>
      <c r="B198" s="151">
        <v>982</v>
      </c>
      <c r="C198" s="154">
        <v>6.6000000000000003E-2</v>
      </c>
      <c r="D198" s="94">
        <v>1.6008256429884786E-2</v>
      </c>
      <c r="E198" s="154">
        <v>0.151</v>
      </c>
      <c r="F198" s="94">
        <v>2.2892750994630836E-2</v>
      </c>
      <c r="G198" s="154">
        <v>0.76800000000000002</v>
      </c>
      <c r="H198" s="94">
        <v>2.6929218954483927E-2</v>
      </c>
      <c r="I198" s="154">
        <v>1.4E-2</v>
      </c>
      <c r="J198" s="94">
        <v>7.9849021707551864E-3</v>
      </c>
    </row>
    <row r="199" spans="1:10">
      <c r="A199" s="49" t="s">
        <v>435</v>
      </c>
      <c r="B199" s="152">
        <v>741</v>
      </c>
      <c r="C199" s="153">
        <v>0.109</v>
      </c>
      <c r="D199" s="97">
        <v>2.3026832085605416E-2</v>
      </c>
      <c r="E199" s="153">
        <v>0.153</v>
      </c>
      <c r="F199" s="97">
        <v>2.6508756203748013E-2</v>
      </c>
      <c r="G199" s="153">
        <v>0.72799999999999998</v>
      </c>
      <c r="H199" s="97">
        <v>3.2652140037316625E-2</v>
      </c>
      <c r="I199" s="153">
        <v>0.01</v>
      </c>
      <c r="J199" s="97">
        <v>8.1829200227982075E-3</v>
      </c>
    </row>
    <row r="200" spans="1:10">
      <c r="A200" s="45" t="s">
        <v>436</v>
      </c>
      <c r="B200" s="83">
        <v>133</v>
      </c>
      <c r="C200" s="154">
        <v>0.224</v>
      </c>
      <c r="D200" s="94">
        <v>7.2132743784255909E-2</v>
      </c>
      <c r="E200" s="154">
        <v>0.16600000000000001</v>
      </c>
      <c r="F200" s="94">
        <v>6.5035222548977673E-2</v>
      </c>
      <c r="G200" s="154">
        <v>0.59799999999999998</v>
      </c>
      <c r="H200" s="94">
        <v>8.3874886039052493E-2</v>
      </c>
      <c r="I200" s="154">
        <v>1.2E-2</v>
      </c>
      <c r="J200" s="94">
        <v>2.7317654772148044E-2</v>
      </c>
    </row>
    <row r="201" spans="1:10">
      <c r="A201" s="49" t="s">
        <v>437</v>
      </c>
      <c r="B201" s="152">
        <v>154</v>
      </c>
      <c r="C201" s="153">
        <v>0.10100000000000001</v>
      </c>
      <c r="D201" s="97">
        <v>5.0001968203124983E-2</v>
      </c>
      <c r="E201" s="153">
        <v>0.17599999999999999</v>
      </c>
      <c r="F201" s="97">
        <v>6.1679440593461476E-2</v>
      </c>
      <c r="G201" s="153">
        <v>0.72</v>
      </c>
      <c r="H201" s="97">
        <v>7.1868306467257143E-2</v>
      </c>
      <c r="I201" s="153">
        <v>3.0000000000000001E-3</v>
      </c>
      <c r="J201" s="97">
        <v>1.9706370542499688E-2</v>
      </c>
    </row>
    <row r="202" spans="1:10">
      <c r="A202" s="45" t="s">
        <v>438</v>
      </c>
      <c r="B202" s="151">
        <v>257</v>
      </c>
      <c r="C202" s="154">
        <v>0.14599999999999999</v>
      </c>
      <c r="D202" s="94">
        <v>4.4376596245490514E-2</v>
      </c>
      <c r="E202" s="154">
        <v>0.14899999999999999</v>
      </c>
      <c r="F202" s="94">
        <v>4.4729298836904637E-2</v>
      </c>
      <c r="G202" s="154">
        <v>0.69599999999999995</v>
      </c>
      <c r="H202" s="94">
        <v>5.7101439469280972E-2</v>
      </c>
      <c r="I202" s="154">
        <v>0.01</v>
      </c>
      <c r="J202" s="94">
        <v>1.623722283563632E-2</v>
      </c>
    </row>
    <row r="203" spans="1:10">
      <c r="A203" s="49" t="s">
        <v>439</v>
      </c>
      <c r="B203" s="152">
        <v>407</v>
      </c>
      <c r="C203" s="153">
        <v>0.104</v>
      </c>
      <c r="D203" s="97">
        <v>3.0601675467945066E-2</v>
      </c>
      <c r="E203" s="153">
        <v>0.125</v>
      </c>
      <c r="F203" s="97">
        <v>3.3030091189771182E-2</v>
      </c>
      <c r="G203" s="153">
        <v>0.75</v>
      </c>
      <c r="H203" s="97">
        <v>4.2855568570714486E-2</v>
      </c>
      <c r="I203" s="153">
        <v>2.1999999999999999E-2</v>
      </c>
      <c r="J203" s="97">
        <v>1.5889440215931739E-2</v>
      </c>
    </row>
    <row r="204" spans="1:10">
      <c r="A204" s="45" t="s">
        <v>440</v>
      </c>
      <c r="B204" s="151">
        <v>410</v>
      </c>
      <c r="C204" s="154">
        <v>0.11799999999999999</v>
      </c>
      <c r="D204" s="94">
        <v>3.2135306524008381E-2</v>
      </c>
      <c r="E204" s="154">
        <v>0.16200000000000001</v>
      </c>
      <c r="F204" s="94">
        <v>3.6508611746560692E-2</v>
      </c>
      <c r="G204" s="154">
        <v>0.71499999999999997</v>
      </c>
      <c r="H204" s="94">
        <v>4.4468294253697915E-2</v>
      </c>
      <c r="I204" s="154">
        <v>5.0000000000000001E-3</v>
      </c>
      <c r="J204" s="94">
        <v>9.6743643827509832E-3</v>
      </c>
    </row>
    <row r="205" spans="1:10">
      <c r="A205" s="49" t="s">
        <v>441</v>
      </c>
      <c r="B205" s="152">
        <v>282</v>
      </c>
      <c r="C205" s="153">
        <v>0.13200000000000001</v>
      </c>
      <c r="D205" s="97">
        <v>4.0682566809636542E-2</v>
      </c>
      <c r="E205" s="153">
        <v>0.15</v>
      </c>
      <c r="F205" s="97">
        <v>4.2787915975091136E-2</v>
      </c>
      <c r="G205" s="153">
        <v>0.68700000000000006</v>
      </c>
      <c r="H205" s="97">
        <v>5.4963727849859229E-2</v>
      </c>
      <c r="I205" s="153">
        <v>0.03</v>
      </c>
      <c r="J205" s="97">
        <v>2.2199291566251004E-2</v>
      </c>
    </row>
    <row r="206" spans="1:10">
      <c r="A206" s="45" t="s">
        <v>442</v>
      </c>
      <c r="B206" s="151">
        <v>769</v>
      </c>
      <c r="C206" s="154">
        <v>0.127</v>
      </c>
      <c r="D206" s="94">
        <v>2.410704466813382E-2</v>
      </c>
      <c r="E206" s="154">
        <v>0.158</v>
      </c>
      <c r="F206" s="94">
        <v>2.6356434538931148E-2</v>
      </c>
      <c r="G206" s="154">
        <v>0.70499999999999996</v>
      </c>
      <c r="H206" s="94">
        <v>3.2839631780998496E-2</v>
      </c>
      <c r="I206" s="154">
        <v>0.01</v>
      </c>
      <c r="J206" s="94">
        <v>8.0033741337177857E-3</v>
      </c>
    </row>
    <row r="207" spans="1:10">
      <c r="A207" s="49" t="s">
        <v>443</v>
      </c>
      <c r="B207" s="152">
        <v>1015</v>
      </c>
      <c r="C207" s="153">
        <v>0.125</v>
      </c>
      <c r="D207" s="97">
        <v>2.0824690625573152E-2</v>
      </c>
      <c r="E207" s="153">
        <v>0.14499999999999999</v>
      </c>
      <c r="F207" s="97">
        <v>2.2147906722707039E-2</v>
      </c>
      <c r="G207" s="153">
        <v>0.71499999999999997</v>
      </c>
      <c r="H207" s="97">
        <v>2.8307660117429766E-2</v>
      </c>
      <c r="I207" s="153">
        <v>1.4999999999999999E-2</v>
      </c>
      <c r="J207" s="97">
        <v>8.0766902890384226E-3</v>
      </c>
    </row>
    <row r="208" spans="1:10">
      <c r="A208" s="45" t="s">
        <v>444</v>
      </c>
      <c r="B208" s="151">
        <v>281</v>
      </c>
      <c r="C208" s="154">
        <v>0.111</v>
      </c>
      <c r="D208" s="94">
        <v>3.8002178930881481E-2</v>
      </c>
      <c r="E208" s="154">
        <v>0.13300000000000001</v>
      </c>
      <c r="F208" s="94">
        <v>4.0878976250406401E-2</v>
      </c>
      <c r="G208" s="154">
        <v>0.746</v>
      </c>
      <c r="H208" s="94">
        <v>5.1798634957564059E-2</v>
      </c>
      <c r="I208" s="154">
        <v>0.01</v>
      </c>
      <c r="J208" s="94">
        <v>1.5260246871834032E-2</v>
      </c>
    </row>
    <row r="209" spans="1:10">
      <c r="A209" s="49" t="s">
        <v>445</v>
      </c>
      <c r="B209" s="152">
        <v>194</v>
      </c>
      <c r="C209" s="153">
        <v>0.109</v>
      </c>
      <c r="D209" s="97">
        <v>4.5667577088820341E-2</v>
      </c>
      <c r="E209" s="153">
        <v>0.19700000000000001</v>
      </c>
      <c r="F209" s="97">
        <v>5.7183557944079283E-2</v>
      </c>
      <c r="G209" s="153">
        <v>0.67200000000000004</v>
      </c>
      <c r="H209" s="97">
        <v>6.6908536886626721E-2</v>
      </c>
      <c r="I209" s="153">
        <v>2.1999999999999999E-2</v>
      </c>
      <c r="J209" s="97">
        <v>2.4885364449527398E-2</v>
      </c>
    </row>
    <row r="210" spans="1:10">
      <c r="A210" s="45" t="s">
        <v>446</v>
      </c>
      <c r="B210" s="151">
        <v>166</v>
      </c>
      <c r="C210" s="154">
        <v>0.13100000000000001</v>
      </c>
      <c r="D210" s="94">
        <v>5.3174782439443895E-2</v>
      </c>
      <c r="E210" s="154">
        <v>0.13300000000000001</v>
      </c>
      <c r="F210" s="94">
        <v>5.3484409510205909E-2</v>
      </c>
      <c r="G210" s="154">
        <v>0.73</v>
      </c>
      <c r="H210" s="94">
        <v>6.8523954517847957E-2</v>
      </c>
      <c r="I210" s="154">
        <v>5.0000000000000001E-3</v>
      </c>
      <c r="J210" s="94">
        <v>1.9625873832058813E-2</v>
      </c>
    </row>
    <row r="211" spans="1:10">
      <c r="A211" s="49" t="s">
        <v>447</v>
      </c>
      <c r="B211" s="152">
        <v>79</v>
      </c>
      <c r="C211" s="153">
        <v>0.112</v>
      </c>
      <c r="D211" s="97">
        <v>7.3996619955052981E-2</v>
      </c>
      <c r="E211" s="153">
        <v>8.3000000000000004E-2</v>
      </c>
      <c r="F211" s="97">
        <v>6.6755269935124123E-2</v>
      </c>
      <c r="G211" s="153">
        <v>0.72699999999999998</v>
      </c>
      <c r="H211" s="97">
        <v>9.8987153182437809E-2</v>
      </c>
      <c r="I211" s="153">
        <v>7.9000000000000001E-2</v>
      </c>
      <c r="J211" s="97">
        <v>6.5649973619830881E-2</v>
      </c>
    </row>
  </sheetData>
  <mergeCells count="28">
    <mergeCell ref="B155:H155"/>
    <mergeCell ref="P155:V155"/>
    <mergeCell ref="I155:O155"/>
    <mergeCell ref="A185:J185"/>
    <mergeCell ref="A184:J184"/>
    <mergeCell ref="A183:J183"/>
    <mergeCell ref="A154:V154"/>
    <mergeCell ref="A5:D5"/>
    <mergeCell ref="A95:D95"/>
    <mergeCell ref="A123:D123"/>
    <mergeCell ref="A124:D124"/>
    <mergeCell ref="E95:I95"/>
    <mergeCell ref="A94:I94"/>
    <mergeCell ref="A125:D125"/>
    <mergeCell ref="A34:K34"/>
    <mergeCell ref="A33:K33"/>
    <mergeCell ref="E35:K35"/>
    <mergeCell ref="A153:V153"/>
    <mergeCell ref="A3:O3"/>
    <mergeCell ref="A4:O4"/>
    <mergeCell ref="E5:O5"/>
    <mergeCell ref="A93:I93"/>
    <mergeCell ref="A35:D35"/>
    <mergeCell ref="B65:H65"/>
    <mergeCell ref="I65:O65"/>
    <mergeCell ref="A63:V63"/>
    <mergeCell ref="A64:V64"/>
    <mergeCell ref="P65:V65"/>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C121"/>
  <sheetViews>
    <sheetView zoomScaleNormal="100" workbookViewId="0"/>
  </sheetViews>
  <sheetFormatPr defaultColWidth="19.140625" defaultRowHeight="15"/>
  <cols>
    <col min="1" max="1" width="37.42578125" customWidth="1"/>
  </cols>
  <sheetData>
    <row r="1" spans="1:4" ht="31.5">
      <c r="A1" s="33" t="s">
        <v>40</v>
      </c>
    </row>
    <row r="3" spans="1:4" ht="18.75">
      <c r="A3" s="335" t="s">
        <v>11</v>
      </c>
      <c r="B3" s="335"/>
      <c r="C3" s="335"/>
      <c r="D3" s="335"/>
    </row>
    <row r="4" spans="1:4" ht="129.75" customHeight="1">
      <c r="A4" s="401" t="s">
        <v>491</v>
      </c>
      <c r="B4" s="401"/>
      <c r="C4" s="401"/>
      <c r="D4" s="401"/>
    </row>
    <row r="5" spans="1:4" ht="15.75" customHeight="1">
      <c r="A5" s="381" t="s">
        <v>141</v>
      </c>
      <c r="B5" s="381"/>
      <c r="C5" s="381"/>
      <c r="D5" s="381"/>
    </row>
    <row r="6" spans="1:4" ht="72">
      <c r="A6" s="37" t="s">
        <v>85</v>
      </c>
      <c r="B6" s="38" t="s">
        <v>86</v>
      </c>
      <c r="C6" s="39" t="s">
        <v>87</v>
      </c>
      <c r="D6" s="40" t="s">
        <v>88</v>
      </c>
    </row>
    <row r="7" spans="1:4" ht="72">
      <c r="A7" s="41"/>
      <c r="B7" s="42" t="s">
        <v>89</v>
      </c>
      <c r="C7" s="125" t="s">
        <v>142</v>
      </c>
      <c r="D7" s="44" t="s">
        <v>91</v>
      </c>
    </row>
    <row r="8" spans="1:4">
      <c r="A8" s="45" t="s">
        <v>424</v>
      </c>
      <c r="B8" s="155">
        <v>9254</v>
      </c>
      <c r="C8" s="156">
        <v>4.63</v>
      </c>
      <c r="D8" s="86">
        <v>1.9599999999999999E-2</v>
      </c>
    </row>
    <row r="9" spans="1:4">
      <c r="A9" s="49" t="s">
        <v>425</v>
      </c>
      <c r="B9" s="49">
        <v>8632</v>
      </c>
      <c r="C9" s="158">
        <v>4.58</v>
      </c>
      <c r="D9" s="87">
        <v>3.9199999999999999E-2</v>
      </c>
    </row>
    <row r="10" spans="1:4">
      <c r="A10" s="45" t="s">
        <v>426</v>
      </c>
      <c r="B10" s="53">
        <v>811</v>
      </c>
      <c r="C10" s="156">
        <v>4.53</v>
      </c>
      <c r="D10" s="86">
        <v>9.8000000000000004E-2</v>
      </c>
    </row>
    <row r="11" spans="1:4">
      <c r="A11" s="49" t="s">
        <v>427</v>
      </c>
      <c r="B11" s="49">
        <v>6757</v>
      </c>
      <c r="C11" s="158">
        <v>4.5999999999999996</v>
      </c>
      <c r="D11" s="87">
        <v>0</v>
      </c>
    </row>
    <row r="12" spans="1:4">
      <c r="A12" s="45" t="s">
        <v>428</v>
      </c>
      <c r="B12" s="53">
        <v>2498</v>
      </c>
      <c r="C12" s="156">
        <v>4.5999999999999996</v>
      </c>
      <c r="D12" s="86">
        <v>0</v>
      </c>
    </row>
    <row r="13" spans="1:4">
      <c r="A13" s="49" t="s">
        <v>429</v>
      </c>
      <c r="B13" s="49">
        <v>613</v>
      </c>
      <c r="C13" s="158">
        <v>4.5999999999999996</v>
      </c>
      <c r="D13" s="87">
        <v>0.19600000000000001</v>
      </c>
    </row>
    <row r="14" spans="1:4">
      <c r="A14" s="45" t="s">
        <v>430</v>
      </c>
      <c r="B14" s="53">
        <v>1583</v>
      </c>
      <c r="C14" s="156">
        <v>4.5999999999999996</v>
      </c>
      <c r="D14" s="86">
        <v>0</v>
      </c>
    </row>
    <row r="15" spans="1:4">
      <c r="A15" s="49" t="s">
        <v>431</v>
      </c>
      <c r="B15" s="49">
        <v>231</v>
      </c>
      <c r="C15" s="158">
        <v>4.4000000000000004</v>
      </c>
      <c r="D15" s="87">
        <v>0.19600000000000001</v>
      </c>
    </row>
    <row r="16" spans="1:4">
      <c r="A16" s="45" t="s">
        <v>432</v>
      </c>
      <c r="B16" s="53">
        <v>553</v>
      </c>
      <c r="C16" s="156">
        <v>4.5</v>
      </c>
      <c r="D16" s="86">
        <v>0.19600000000000001</v>
      </c>
    </row>
    <row r="17" spans="1:4">
      <c r="A17" s="49" t="s">
        <v>433</v>
      </c>
      <c r="B17" s="49">
        <v>716</v>
      </c>
      <c r="C17" s="158">
        <v>4.8</v>
      </c>
      <c r="D17" s="87">
        <v>0.19600000000000001</v>
      </c>
    </row>
    <row r="18" spans="1:4">
      <c r="A18" s="45" t="s">
        <v>434</v>
      </c>
      <c r="B18" s="155">
        <v>976</v>
      </c>
      <c r="C18" s="156">
        <v>4.9000000000000004</v>
      </c>
      <c r="D18" s="86">
        <v>0</v>
      </c>
    </row>
    <row r="19" spans="1:4">
      <c r="A19" s="49" t="s">
        <v>435</v>
      </c>
      <c r="B19" s="157">
        <v>735</v>
      </c>
      <c r="C19" s="158">
        <v>4.5999999999999996</v>
      </c>
      <c r="D19" s="87">
        <v>0.19600000000000001</v>
      </c>
    </row>
    <row r="20" spans="1:4">
      <c r="A20" s="45" t="s">
        <v>436</v>
      </c>
      <c r="B20" s="83">
        <v>131</v>
      </c>
      <c r="C20" s="156">
        <v>3.9</v>
      </c>
      <c r="D20" s="86">
        <v>0.19600000000000001</v>
      </c>
    </row>
    <row r="21" spans="1:4">
      <c r="A21" s="49" t="s">
        <v>437</v>
      </c>
      <c r="B21" s="157">
        <v>153</v>
      </c>
      <c r="C21" s="158">
        <v>4.7</v>
      </c>
      <c r="D21" s="87">
        <v>0.19600000000000001</v>
      </c>
    </row>
    <row r="22" spans="1:4" ht="25.5">
      <c r="A22" s="45" t="s">
        <v>438</v>
      </c>
      <c r="B22" s="155">
        <v>255</v>
      </c>
      <c r="C22" s="156">
        <v>4.8</v>
      </c>
      <c r="D22" s="86">
        <v>0.19600000000000001</v>
      </c>
    </row>
    <row r="23" spans="1:4">
      <c r="A23" s="49" t="s">
        <v>439</v>
      </c>
      <c r="B23" s="157">
        <v>406</v>
      </c>
      <c r="C23" s="158">
        <v>4.8</v>
      </c>
      <c r="D23" s="87">
        <v>0.19600000000000001</v>
      </c>
    </row>
    <row r="24" spans="1:4">
      <c r="A24" s="45" t="s">
        <v>440</v>
      </c>
      <c r="B24" s="155">
        <v>410</v>
      </c>
      <c r="C24" s="156">
        <v>4.7</v>
      </c>
      <c r="D24" s="86">
        <v>0.19600000000000001</v>
      </c>
    </row>
    <row r="25" spans="1:4">
      <c r="A25" s="49" t="s">
        <v>441</v>
      </c>
      <c r="B25" s="157">
        <v>279</v>
      </c>
      <c r="C25" s="158">
        <v>4.5999999999999996</v>
      </c>
      <c r="D25" s="87">
        <v>0.19600000000000001</v>
      </c>
    </row>
    <row r="26" spans="1:4">
      <c r="A26" s="45" t="s">
        <v>442</v>
      </c>
      <c r="B26" s="155">
        <v>764</v>
      </c>
      <c r="C26" s="156">
        <v>4.5999999999999996</v>
      </c>
      <c r="D26" s="86">
        <v>0</v>
      </c>
    </row>
    <row r="27" spans="1:4">
      <c r="A27" s="49" t="s">
        <v>443</v>
      </c>
      <c r="B27" s="157">
        <v>1006</v>
      </c>
      <c r="C27" s="158">
        <v>4.5999999999999996</v>
      </c>
      <c r="D27" s="87">
        <v>0</v>
      </c>
    </row>
    <row r="28" spans="1:4">
      <c r="A28" s="45" t="s">
        <v>444</v>
      </c>
      <c r="B28" s="155">
        <v>280</v>
      </c>
      <c r="C28" s="156">
        <v>4.7</v>
      </c>
      <c r="D28" s="86">
        <v>0.19600000000000001</v>
      </c>
    </row>
    <row r="29" spans="1:4">
      <c r="A29" s="49" t="s">
        <v>445</v>
      </c>
      <c r="B29" s="157">
        <v>194</v>
      </c>
      <c r="C29" s="158">
        <v>4.5999999999999996</v>
      </c>
      <c r="D29" s="87">
        <v>0.19600000000000001</v>
      </c>
    </row>
    <row r="30" spans="1:4">
      <c r="A30" s="45" t="s">
        <v>446</v>
      </c>
      <c r="B30" s="155">
        <v>166</v>
      </c>
      <c r="C30" s="156">
        <v>4.5999999999999996</v>
      </c>
      <c r="D30" s="86">
        <v>0.19600000000000001</v>
      </c>
    </row>
    <row r="31" spans="1:4">
      <c r="A31" s="49" t="s">
        <v>447</v>
      </c>
      <c r="B31" s="157">
        <v>79</v>
      </c>
      <c r="C31" s="158">
        <v>4.7</v>
      </c>
      <c r="D31" s="87">
        <v>0.19600000000000001</v>
      </c>
    </row>
    <row r="33" spans="1:29" ht="18.75">
      <c r="A33" s="343" t="s">
        <v>43</v>
      </c>
      <c r="B33" s="343"/>
      <c r="C33" s="343"/>
      <c r="D33" s="343"/>
      <c r="E33" s="343"/>
      <c r="F33" s="343"/>
      <c r="G33" s="343"/>
      <c r="H33" s="343"/>
      <c r="I33" s="343"/>
      <c r="J33" s="343"/>
      <c r="K33" s="343"/>
      <c r="L33" s="343"/>
      <c r="M33" s="343"/>
      <c r="N33" s="343"/>
      <c r="O33" s="343"/>
      <c r="P33" s="343"/>
      <c r="Q33" s="343"/>
      <c r="R33" s="343"/>
      <c r="S33" s="343"/>
      <c r="T33" s="226"/>
      <c r="U33" s="226"/>
      <c r="V33" s="226"/>
      <c r="W33" s="226"/>
      <c r="X33" s="226"/>
      <c r="Y33" s="226"/>
      <c r="Z33" s="226"/>
      <c r="AA33" s="226"/>
      <c r="AB33" s="226"/>
      <c r="AC33" s="226"/>
    </row>
    <row r="34" spans="1:29" ht="60.75" customHeight="1">
      <c r="A34" s="400" t="s">
        <v>511</v>
      </c>
      <c r="B34" s="400"/>
      <c r="C34" s="400"/>
      <c r="D34" s="400"/>
      <c r="E34" s="400"/>
      <c r="F34" s="400"/>
      <c r="G34" s="400"/>
      <c r="H34" s="400"/>
      <c r="I34" s="400"/>
      <c r="J34" s="400"/>
      <c r="K34" s="400"/>
      <c r="L34" s="400"/>
      <c r="M34" s="400"/>
      <c r="N34" s="400"/>
      <c r="O34" s="400"/>
      <c r="P34" s="400"/>
      <c r="Q34" s="400"/>
      <c r="R34" s="400"/>
      <c r="S34" s="400"/>
      <c r="T34" s="252"/>
      <c r="U34" s="252"/>
      <c r="V34" s="252"/>
      <c r="W34" s="252"/>
      <c r="X34" s="252"/>
      <c r="Y34" s="252"/>
      <c r="Z34" s="252"/>
      <c r="AA34" s="252"/>
      <c r="AB34" s="252"/>
      <c r="AC34" s="252"/>
    </row>
    <row r="35" spans="1:29" ht="33.75" customHeight="1">
      <c r="A35" s="64"/>
      <c r="B35" s="395" t="s">
        <v>143</v>
      </c>
      <c r="C35" s="396"/>
      <c r="D35" s="396"/>
      <c r="E35" s="396"/>
      <c r="F35" s="396"/>
      <c r="G35" s="396"/>
      <c r="H35" s="396"/>
      <c r="I35" s="396"/>
      <c r="J35" s="397"/>
      <c r="K35" s="398" t="s">
        <v>144</v>
      </c>
      <c r="L35" s="399"/>
      <c r="M35" s="399"/>
      <c r="N35" s="399"/>
      <c r="O35" s="399"/>
      <c r="P35" s="399"/>
      <c r="Q35" s="399"/>
      <c r="R35" s="399"/>
      <c r="S35" s="399"/>
    </row>
    <row r="36" spans="1:29" ht="41.25" customHeight="1">
      <c r="A36" s="37" t="s">
        <v>85</v>
      </c>
      <c r="B36" s="38" t="s">
        <v>86</v>
      </c>
      <c r="C36" s="38" t="s">
        <v>178</v>
      </c>
      <c r="D36" s="89" t="s">
        <v>101</v>
      </c>
      <c r="E36" s="38" t="s">
        <v>179</v>
      </c>
      <c r="F36" s="89" t="s">
        <v>102</v>
      </c>
      <c r="G36" s="38" t="s">
        <v>180</v>
      </c>
      <c r="H36" s="89" t="s">
        <v>103</v>
      </c>
      <c r="I36" s="38" t="s">
        <v>353</v>
      </c>
      <c r="J36" s="89" t="s">
        <v>352</v>
      </c>
      <c r="K36" s="65" t="s">
        <v>86</v>
      </c>
      <c r="L36" s="65" t="s">
        <v>178</v>
      </c>
      <c r="M36" s="88" t="s">
        <v>101</v>
      </c>
      <c r="N36" s="65" t="s">
        <v>179</v>
      </c>
      <c r="O36" s="88" t="s">
        <v>102</v>
      </c>
      <c r="P36" s="65" t="s">
        <v>180</v>
      </c>
      <c r="Q36" s="88" t="s">
        <v>103</v>
      </c>
      <c r="R36" s="65" t="s">
        <v>353</v>
      </c>
      <c r="S36" s="88" t="s">
        <v>352</v>
      </c>
    </row>
    <row r="37" spans="1:29" ht="77.25" customHeight="1">
      <c r="A37" s="41"/>
      <c r="B37" s="42" t="s">
        <v>89</v>
      </c>
      <c r="C37" s="42" t="s">
        <v>181</v>
      </c>
      <c r="D37" s="91" t="s">
        <v>145</v>
      </c>
      <c r="E37" s="42" t="s">
        <v>182</v>
      </c>
      <c r="F37" s="91" t="s">
        <v>146</v>
      </c>
      <c r="G37" s="42" t="s">
        <v>183</v>
      </c>
      <c r="H37" s="91" t="s">
        <v>147</v>
      </c>
      <c r="I37" s="42" t="s">
        <v>353</v>
      </c>
      <c r="J37" s="91" t="s">
        <v>104</v>
      </c>
      <c r="K37" s="68" t="s">
        <v>89</v>
      </c>
      <c r="L37" s="68" t="s">
        <v>181</v>
      </c>
      <c r="M37" s="90" t="s">
        <v>145</v>
      </c>
      <c r="N37" s="68" t="s">
        <v>182</v>
      </c>
      <c r="O37" s="90" t="s">
        <v>146</v>
      </c>
      <c r="P37" s="68" t="s">
        <v>183</v>
      </c>
      <c r="Q37" s="90" t="s">
        <v>147</v>
      </c>
      <c r="R37" s="68" t="s">
        <v>353</v>
      </c>
      <c r="S37" s="90" t="s">
        <v>104</v>
      </c>
    </row>
    <row r="38" spans="1:29">
      <c r="A38" s="45" t="s">
        <v>424</v>
      </c>
      <c r="B38" s="155">
        <v>9361</v>
      </c>
      <c r="C38" s="159">
        <v>0.26700000000000002</v>
      </c>
      <c r="D38" s="94">
        <v>9.1439777660970185E-3</v>
      </c>
      <c r="E38" s="159">
        <v>0.19500000000000001</v>
      </c>
      <c r="F38" s="94">
        <v>8.1903267237955959E-3</v>
      </c>
      <c r="G38" s="159">
        <v>0.47699999999999998</v>
      </c>
      <c r="H38" s="94">
        <v>1.0322538991586489E-2</v>
      </c>
      <c r="I38" s="93">
        <v>0.06</v>
      </c>
      <c r="J38" s="94">
        <v>4.9153147216839535E-3</v>
      </c>
      <c r="K38" s="155">
        <v>9393</v>
      </c>
      <c r="L38" s="159">
        <v>0.192</v>
      </c>
      <c r="M38" s="94">
        <v>8.128392502322843E-3</v>
      </c>
      <c r="N38" s="159">
        <v>0.126</v>
      </c>
      <c r="O38" s="94">
        <v>6.8503222862829711E-3</v>
      </c>
      <c r="P38" s="159">
        <v>0.61599999999999999</v>
      </c>
      <c r="Q38" s="94">
        <v>1.0034641565253173E-2</v>
      </c>
      <c r="R38" s="93">
        <v>6.6000000000000003E-2</v>
      </c>
      <c r="S38" s="94">
        <v>5.129142896626142E-3</v>
      </c>
    </row>
    <row r="39" spans="1:29">
      <c r="A39" s="49" t="s">
        <v>425</v>
      </c>
      <c r="B39" s="157">
        <v>8720</v>
      </c>
      <c r="C39" s="160">
        <v>0.27600000000000002</v>
      </c>
      <c r="D39" s="97">
        <v>9.5729540637198435E-3</v>
      </c>
      <c r="E39" s="160">
        <v>0.191</v>
      </c>
      <c r="F39" s="97">
        <v>8.4194959724816446E-3</v>
      </c>
      <c r="G39" s="160">
        <v>0.48</v>
      </c>
      <c r="H39" s="97">
        <v>1.0697807449970632E-2</v>
      </c>
      <c r="I39" s="96">
        <v>5.2999999999999999E-2</v>
      </c>
      <c r="J39" s="97">
        <v>4.8059160849244272E-3</v>
      </c>
      <c r="K39" s="157">
        <v>8750</v>
      </c>
      <c r="L39" s="160">
        <v>0.21</v>
      </c>
      <c r="M39" s="97">
        <v>8.7086426241989815E-3</v>
      </c>
      <c r="N39" s="160">
        <v>0.125</v>
      </c>
      <c r="O39" s="97">
        <v>7.0736031620931405E-3</v>
      </c>
      <c r="P39" s="160">
        <v>0.60299999999999998</v>
      </c>
      <c r="Q39" s="97">
        <v>1.0458982254780031E-2</v>
      </c>
      <c r="R39" s="96">
        <v>6.0999999999999999E-2</v>
      </c>
      <c r="S39" s="97">
        <v>5.1237855705285737E-3</v>
      </c>
    </row>
    <row r="40" spans="1:29">
      <c r="A40" s="45" t="s">
        <v>426</v>
      </c>
      <c r="B40" s="155">
        <v>836</v>
      </c>
      <c r="C40" s="159">
        <v>0.22600000000000001</v>
      </c>
      <c r="D40" s="94">
        <v>2.8920029895277095E-2</v>
      </c>
      <c r="E40" s="159">
        <v>0.18540000000000001</v>
      </c>
      <c r="F40" s="94">
        <v>2.6900805195460772E-2</v>
      </c>
      <c r="G40" s="159">
        <v>0.4914</v>
      </c>
      <c r="H40" s="94">
        <v>3.4498222363026659E-2</v>
      </c>
      <c r="I40" s="93">
        <v>9.7199999999999995E-2</v>
      </c>
      <c r="J40" s="94">
        <v>2.0620574380535005E-2</v>
      </c>
      <c r="K40" s="155">
        <v>840</v>
      </c>
      <c r="L40" s="159">
        <v>0.2414</v>
      </c>
      <c r="M40" s="94">
        <v>2.9510895595845101E-2</v>
      </c>
      <c r="N40" s="159">
        <v>0.152</v>
      </c>
      <c r="O40" s="94">
        <v>2.4825570163193846E-2</v>
      </c>
      <c r="P40" s="159">
        <v>0.50119999999999998</v>
      </c>
      <c r="Q40" s="94">
        <v>3.4421321344676507E-2</v>
      </c>
      <c r="R40" s="93">
        <v>0.10539999999999999</v>
      </c>
      <c r="S40" s="94">
        <v>2.1303856622659864E-2</v>
      </c>
    </row>
    <row r="41" spans="1:29">
      <c r="A41" s="49" t="s">
        <v>427</v>
      </c>
      <c r="B41" s="157">
        <v>6860</v>
      </c>
      <c r="C41" s="160">
        <v>0.26600000000000001</v>
      </c>
      <c r="D41" s="97">
        <v>1.0668445717391463E-2</v>
      </c>
      <c r="E41" s="160">
        <v>0.19500000000000001</v>
      </c>
      <c r="F41" s="97">
        <v>9.5676766547784699E-3</v>
      </c>
      <c r="G41" s="160">
        <v>0.47799999999999998</v>
      </c>
      <c r="H41" s="97">
        <v>1.2058437835843757E-2</v>
      </c>
      <c r="I41" s="96">
        <v>6.0999999999999999E-2</v>
      </c>
      <c r="J41" s="97">
        <v>5.7888019412615718E-3</v>
      </c>
      <c r="K41" s="157">
        <v>6889</v>
      </c>
      <c r="L41" s="160">
        <v>0.192</v>
      </c>
      <c r="M41" s="97">
        <v>9.4915285782463353E-3</v>
      </c>
      <c r="N41" s="160">
        <v>0.126</v>
      </c>
      <c r="O41" s="97">
        <v>7.9999380768744181E-3</v>
      </c>
      <c r="P41" s="160">
        <v>0.61499999999999999</v>
      </c>
      <c r="Q41" s="97">
        <v>1.1722165563663367E-2</v>
      </c>
      <c r="R41" s="96">
        <v>6.7000000000000004E-2</v>
      </c>
      <c r="S41" s="97">
        <v>6.0333487919510889E-3</v>
      </c>
    </row>
    <row r="42" spans="1:29">
      <c r="A42" s="45" t="s">
        <v>428</v>
      </c>
      <c r="B42" s="155">
        <v>2503</v>
      </c>
      <c r="C42" s="159">
        <v>0.308</v>
      </c>
      <c r="D42" s="94">
        <v>1.8445946932519882E-2</v>
      </c>
      <c r="E42" s="159">
        <v>0.21099999999999999</v>
      </c>
      <c r="F42" s="94">
        <v>1.6310964414881172E-2</v>
      </c>
      <c r="G42" s="159">
        <v>0.45700000000000002</v>
      </c>
      <c r="H42" s="94">
        <v>1.9898301289599737E-2</v>
      </c>
      <c r="I42" s="93">
        <v>2.5000000000000001E-2</v>
      </c>
      <c r="J42" s="94">
        <v>6.3276335556950543E-3</v>
      </c>
      <c r="K42" s="155">
        <v>2506</v>
      </c>
      <c r="L42" s="159">
        <v>0.17100000000000001</v>
      </c>
      <c r="M42" s="94">
        <v>1.5048591486372991E-2</v>
      </c>
      <c r="N42" s="159">
        <v>0.11</v>
      </c>
      <c r="O42" s="94">
        <v>1.2521496709088536E-2</v>
      </c>
      <c r="P42" s="159">
        <v>0.69699999999999995</v>
      </c>
      <c r="Q42" s="94">
        <v>1.8350921705215868E-2</v>
      </c>
      <c r="R42" s="93">
        <v>2.1999999999999999E-2</v>
      </c>
      <c r="S42" s="94">
        <v>5.9538270646259418E-3</v>
      </c>
    </row>
    <row r="43" spans="1:29">
      <c r="A43" s="49" t="s">
        <v>429</v>
      </c>
      <c r="B43" s="157">
        <v>616</v>
      </c>
      <c r="C43" s="160">
        <v>0.27800000000000002</v>
      </c>
      <c r="D43" s="97">
        <v>3.6042078563944674E-2</v>
      </c>
      <c r="E43" s="160">
        <v>0.22600000000000001</v>
      </c>
      <c r="F43" s="97">
        <v>3.3686371099676607E-2</v>
      </c>
      <c r="G43" s="160">
        <v>0.46300000000000002</v>
      </c>
      <c r="H43" s="97">
        <v>4.0052272903473476E-2</v>
      </c>
      <c r="I43" s="96">
        <v>3.2000000000000001E-2</v>
      </c>
      <c r="J43" s="97">
        <v>1.476547840138857E-2</v>
      </c>
      <c r="K43" s="157">
        <v>617</v>
      </c>
      <c r="L43" s="160">
        <v>0.21</v>
      </c>
      <c r="M43" s="97">
        <v>3.2795656264857788E-2</v>
      </c>
      <c r="N43" s="160">
        <v>0.11700000000000001</v>
      </c>
      <c r="O43" s="97">
        <v>2.6030407999603156E-2</v>
      </c>
      <c r="P43" s="160">
        <v>0.64600000000000002</v>
      </c>
      <c r="Q43" s="97">
        <v>3.8402707052590142E-2</v>
      </c>
      <c r="R43" s="96">
        <v>2.8000000000000001E-2</v>
      </c>
      <c r="S43" s="97">
        <v>1.3918733551056769E-2</v>
      </c>
    </row>
    <row r="44" spans="1:29">
      <c r="A44" s="45" t="s">
        <v>430</v>
      </c>
      <c r="B44" s="155">
        <v>1586</v>
      </c>
      <c r="C44" s="159">
        <v>0.33100000000000002</v>
      </c>
      <c r="D44" s="94">
        <v>2.361017382166556E-2</v>
      </c>
      <c r="E44" s="159">
        <v>0.19700000000000001</v>
      </c>
      <c r="F44" s="94">
        <v>1.9978123320104364E-2</v>
      </c>
      <c r="G44" s="159">
        <v>0.44900000000000001</v>
      </c>
      <c r="H44" s="94">
        <v>2.4948352705533382E-2</v>
      </c>
      <c r="I44" s="93">
        <v>2.1999999999999999E-2</v>
      </c>
      <c r="J44" s="94">
        <v>7.5509437932959099E-3</v>
      </c>
      <c r="K44" s="155">
        <v>1587</v>
      </c>
      <c r="L44" s="159">
        <v>0.16500000000000001</v>
      </c>
      <c r="M44" s="94">
        <v>1.8649473602926497E-2</v>
      </c>
      <c r="N44" s="159">
        <v>9.6000000000000002E-2</v>
      </c>
      <c r="O44" s="94">
        <v>1.4840756624269379E-2</v>
      </c>
      <c r="P44" s="159">
        <v>0.72099999999999997</v>
      </c>
      <c r="Q44" s="94">
        <v>2.2502421279263038E-2</v>
      </c>
      <c r="R44" s="93">
        <v>1.7999999999999999E-2</v>
      </c>
      <c r="S44" s="94">
        <v>6.8828250846258623E-3</v>
      </c>
    </row>
    <row r="45" spans="1:29">
      <c r="A45" s="49" t="s">
        <v>431</v>
      </c>
      <c r="B45" s="157">
        <v>233</v>
      </c>
      <c r="C45" s="160">
        <v>0.35099999999999998</v>
      </c>
      <c r="D45" s="97">
        <v>6.210676485791284E-2</v>
      </c>
      <c r="E45" s="160">
        <v>0.20799999999999999</v>
      </c>
      <c r="F45" s="97">
        <v>5.3183834011402829E-2</v>
      </c>
      <c r="G45" s="160">
        <v>0.42</v>
      </c>
      <c r="H45" s="97">
        <v>6.4148326363861974E-2</v>
      </c>
      <c r="I45" s="96">
        <v>2.1999999999999999E-2</v>
      </c>
      <c r="J45" s="97">
        <v>2.2185811164156383E-2</v>
      </c>
      <c r="K45" s="157">
        <v>233</v>
      </c>
      <c r="L45" s="160">
        <v>0.19</v>
      </c>
      <c r="M45" s="97">
        <v>5.1495197814057841E-2</v>
      </c>
      <c r="N45" s="160">
        <v>0.153</v>
      </c>
      <c r="O45" s="97">
        <v>4.7489041997280802E-2</v>
      </c>
      <c r="P45" s="160">
        <v>0.624</v>
      </c>
      <c r="Q45" s="97">
        <v>6.2996703573550472E-2</v>
      </c>
      <c r="R45" s="96">
        <v>3.2000000000000001E-2</v>
      </c>
      <c r="S45" s="97">
        <v>2.5426928543587284E-2</v>
      </c>
    </row>
    <row r="46" spans="1:29">
      <c r="A46" s="45" t="s">
        <v>432</v>
      </c>
      <c r="B46" s="155">
        <v>552</v>
      </c>
      <c r="C46" s="159">
        <v>0.35599999999999998</v>
      </c>
      <c r="D46" s="94">
        <v>4.0638898196049648E-2</v>
      </c>
      <c r="E46" s="159">
        <v>0.221</v>
      </c>
      <c r="F46" s="94">
        <v>3.5306977071483836E-2</v>
      </c>
      <c r="G46" s="159">
        <v>0.40699999999999997</v>
      </c>
      <c r="H46" s="94">
        <v>4.1680093621348495E-2</v>
      </c>
      <c r="I46" s="93">
        <v>1.6E-2</v>
      </c>
      <c r="J46" s="94">
        <v>1.1722960777050238E-2</v>
      </c>
      <c r="K46" s="155">
        <v>552</v>
      </c>
      <c r="L46" s="159">
        <v>0.192</v>
      </c>
      <c r="M46" s="94">
        <v>3.3553998115943125E-2</v>
      </c>
      <c r="N46" s="159">
        <v>0.10199999999999999</v>
      </c>
      <c r="O46" s="94">
        <v>2.5986575906956834E-2</v>
      </c>
      <c r="P46" s="159">
        <v>0.69199999999999995</v>
      </c>
      <c r="Q46" s="94">
        <v>3.9206565050976735E-2</v>
      </c>
      <c r="R46" s="93">
        <v>1.4E-2</v>
      </c>
      <c r="S46" s="94">
        <v>1.1120749536109777E-2</v>
      </c>
    </row>
    <row r="47" spans="1:29">
      <c r="A47" s="49" t="s">
        <v>433</v>
      </c>
      <c r="B47" s="157">
        <v>719</v>
      </c>
      <c r="C47" s="160">
        <v>0.28599999999999998</v>
      </c>
      <c r="D47" s="97">
        <v>3.3653455740750945E-2</v>
      </c>
      <c r="E47" s="160">
        <v>0.20399999999999999</v>
      </c>
      <c r="F47" s="97">
        <v>3.0062248911963164E-2</v>
      </c>
      <c r="G47" s="160">
        <v>0.47699999999999998</v>
      </c>
      <c r="H47" s="97">
        <v>3.7151466517964991E-2</v>
      </c>
      <c r="I47" s="96">
        <v>3.4000000000000002E-2</v>
      </c>
      <c r="J47" s="97">
        <v>1.396303870232425E-2</v>
      </c>
      <c r="K47" s="157">
        <v>720</v>
      </c>
      <c r="L47" s="160">
        <v>0.16700000000000001</v>
      </c>
      <c r="M47" s="97">
        <v>2.7844567403217502E-2</v>
      </c>
      <c r="N47" s="160">
        <v>9.5000000000000001E-2</v>
      </c>
      <c r="O47" s="97">
        <v>2.2022392449344706E-2</v>
      </c>
      <c r="P47" s="160">
        <v>0.71899999999999997</v>
      </c>
      <c r="Q47" s="97">
        <v>3.345381014850108E-2</v>
      </c>
      <c r="R47" s="96">
        <v>1.9E-2</v>
      </c>
      <c r="S47" s="97">
        <v>1.0819568176987919E-2</v>
      </c>
    </row>
    <row r="48" spans="1:29">
      <c r="A48" s="45" t="s">
        <v>434</v>
      </c>
      <c r="B48" s="155">
        <v>977</v>
      </c>
      <c r="C48" s="159">
        <v>0.25</v>
      </c>
      <c r="D48" s="94">
        <v>2.7687541948374469E-2</v>
      </c>
      <c r="E48" s="159">
        <v>0.20699999999999999</v>
      </c>
      <c r="F48" s="94">
        <v>2.5926239486005472E-2</v>
      </c>
      <c r="G48" s="159">
        <v>0.51400000000000001</v>
      </c>
      <c r="H48" s="94">
        <v>3.1915126685589428E-2</v>
      </c>
      <c r="I48" s="93">
        <v>2.8000000000000001E-2</v>
      </c>
      <c r="J48" s="94">
        <v>1.0879581277604553E-2</v>
      </c>
      <c r="K48" s="155">
        <v>979</v>
      </c>
      <c r="L48" s="159">
        <v>0.14000000000000001</v>
      </c>
      <c r="M48" s="94">
        <v>2.223087809548277E-2</v>
      </c>
      <c r="N48" s="159">
        <v>0.109</v>
      </c>
      <c r="O48" s="94">
        <v>2.0006170762841839E-2</v>
      </c>
      <c r="P48" s="159">
        <v>0.72499999999999998</v>
      </c>
      <c r="Q48" s="94">
        <v>2.8512542317772317E-2</v>
      </c>
      <c r="R48" s="93">
        <v>2.5999999999999999E-2</v>
      </c>
      <c r="S48" s="94">
        <v>1.0510619953523046E-2</v>
      </c>
    </row>
    <row r="49" spans="1:19">
      <c r="A49" s="49" t="s">
        <v>435</v>
      </c>
      <c r="B49" s="157">
        <v>738</v>
      </c>
      <c r="C49" s="160">
        <v>0.32200000000000001</v>
      </c>
      <c r="D49" s="97">
        <v>3.4332815802863653E-2</v>
      </c>
      <c r="E49" s="160">
        <v>0.22900000000000001</v>
      </c>
      <c r="F49" s="97">
        <v>3.0920180905830263E-2</v>
      </c>
      <c r="G49" s="160">
        <v>0.42299999999999999</v>
      </c>
      <c r="H49" s="97">
        <v>3.6277958990143286E-2</v>
      </c>
      <c r="I49" s="96">
        <v>2.5999999999999999E-2</v>
      </c>
      <c r="J49" s="97">
        <v>1.2228695300981982E-2</v>
      </c>
      <c r="K49" s="157">
        <v>739</v>
      </c>
      <c r="L49" s="160">
        <v>0.17499999999999999</v>
      </c>
      <c r="M49" s="97">
        <v>2.7988578709794636E-2</v>
      </c>
      <c r="N49" s="160">
        <v>0.11700000000000001</v>
      </c>
      <c r="O49" s="97">
        <v>2.3762641033896293E-2</v>
      </c>
      <c r="P49" s="160">
        <v>0.68</v>
      </c>
      <c r="Q49" s="97">
        <v>3.4254051793788577E-2</v>
      </c>
      <c r="R49" s="96">
        <v>2.7E-2</v>
      </c>
      <c r="S49" s="97">
        <v>1.2424402171887321E-2</v>
      </c>
    </row>
    <row r="50" spans="1:19">
      <c r="A50" s="45" t="s">
        <v>436</v>
      </c>
      <c r="B50" s="155">
        <v>132</v>
      </c>
      <c r="C50" s="159">
        <v>0.40300000000000002</v>
      </c>
      <c r="D50" s="94">
        <v>8.4215467930024046E-2</v>
      </c>
      <c r="E50" s="159">
        <v>0.31</v>
      </c>
      <c r="F50" s="94">
        <v>7.9703919203597484E-2</v>
      </c>
      <c r="G50" s="159">
        <v>0.26800000000000002</v>
      </c>
      <c r="H50" s="94">
        <v>7.6561308976268019E-2</v>
      </c>
      <c r="I50" s="93">
        <v>1.9E-2</v>
      </c>
      <c r="J50" s="94">
        <v>3.0701758579100631E-2</v>
      </c>
      <c r="K50" s="155">
        <v>133</v>
      </c>
      <c r="L50" s="159">
        <v>0.34100000000000003</v>
      </c>
      <c r="M50" s="94">
        <v>8.1262611417399766E-2</v>
      </c>
      <c r="N50" s="159">
        <v>7.3999999999999996E-2</v>
      </c>
      <c r="O50" s="94">
        <v>4.8016553086049199E-2</v>
      </c>
      <c r="P50" s="159">
        <v>0.56299999999999994</v>
      </c>
      <c r="Q50" s="94">
        <v>8.4794191884128414E-2</v>
      </c>
      <c r="R50" s="93">
        <v>2.1999999999999999E-2</v>
      </c>
      <c r="S50" s="94">
        <v>3.1813028477500907E-2</v>
      </c>
    </row>
    <row r="51" spans="1:19">
      <c r="A51" s="49" t="s">
        <v>437</v>
      </c>
      <c r="B51" s="157">
        <v>154</v>
      </c>
      <c r="C51" s="160">
        <v>0.28499999999999998</v>
      </c>
      <c r="D51" s="97">
        <v>7.2231323137510392E-2</v>
      </c>
      <c r="E51" s="160">
        <v>0.17599999999999999</v>
      </c>
      <c r="F51" s="97">
        <v>6.1679440593461476E-2</v>
      </c>
      <c r="G51" s="160">
        <v>0.49099999999999999</v>
      </c>
      <c r="H51" s="97">
        <v>7.954348374540865E-2</v>
      </c>
      <c r="I51" s="96">
        <v>4.9000000000000002E-2</v>
      </c>
      <c r="J51" s="97">
        <v>3.7909759755170171E-2</v>
      </c>
      <c r="K51" s="157">
        <v>154</v>
      </c>
      <c r="L51" s="160">
        <v>0.16700000000000001</v>
      </c>
      <c r="M51" s="97">
        <v>6.0515624430560674E-2</v>
      </c>
      <c r="N51" s="160">
        <v>0.13300000000000001</v>
      </c>
      <c r="O51" s="97">
        <v>5.558534797700914E-2</v>
      </c>
      <c r="P51" s="160">
        <v>0.65900000000000003</v>
      </c>
      <c r="Q51" s="97">
        <v>7.5637852599286987E-2</v>
      </c>
      <c r="R51" s="96">
        <v>4.1000000000000002E-2</v>
      </c>
      <c r="S51" s="97">
        <v>3.5525481003684696E-2</v>
      </c>
    </row>
    <row r="52" spans="1:19" ht="25.5">
      <c r="A52" s="45" t="s">
        <v>438</v>
      </c>
      <c r="B52" s="155">
        <v>256</v>
      </c>
      <c r="C52" s="159">
        <v>0.22800000000000001</v>
      </c>
      <c r="D52" s="94">
        <v>5.237070816097246E-2</v>
      </c>
      <c r="E52" s="159">
        <v>0.20300000000000001</v>
      </c>
      <c r="F52" s="94">
        <v>5.0304342251340582E-2</v>
      </c>
      <c r="G52" s="159">
        <v>0.51800000000000002</v>
      </c>
      <c r="H52" s="94">
        <v>6.1978394814319548E-2</v>
      </c>
      <c r="I52" s="93">
        <v>5.0999999999999997E-2</v>
      </c>
      <c r="J52" s="94">
        <v>2.8970646013691419E-2</v>
      </c>
      <c r="K52" s="155">
        <v>257</v>
      </c>
      <c r="L52" s="159">
        <v>0.161</v>
      </c>
      <c r="M52" s="94">
        <v>4.6084129390322283E-2</v>
      </c>
      <c r="N52" s="159">
        <v>0.114</v>
      </c>
      <c r="O52" s="94">
        <v>4.0217022680603343E-2</v>
      </c>
      <c r="P52" s="159">
        <v>0.70299999999999996</v>
      </c>
      <c r="Q52" s="94">
        <v>5.6736864174035201E-2</v>
      </c>
      <c r="R52" s="93">
        <v>2.1999999999999999E-2</v>
      </c>
      <c r="S52" s="94">
        <v>2.088673176810649E-2</v>
      </c>
    </row>
    <row r="53" spans="1:19">
      <c r="A53" s="49" t="s">
        <v>439</v>
      </c>
      <c r="B53" s="157">
        <v>406</v>
      </c>
      <c r="C53" s="160">
        <v>0.33200000000000002</v>
      </c>
      <c r="D53" s="97">
        <v>4.6572683901583152E-2</v>
      </c>
      <c r="E53" s="160">
        <v>0.151</v>
      </c>
      <c r="F53" s="97">
        <v>3.5690268084406389E-2</v>
      </c>
      <c r="G53" s="160">
        <v>0.504</v>
      </c>
      <c r="H53" s="97">
        <v>4.9384930126825162E-2</v>
      </c>
      <c r="I53" s="96">
        <v>1.2999999999999999E-2</v>
      </c>
      <c r="J53" s="97">
        <v>1.3042562114757857E-2</v>
      </c>
      <c r="K53" s="157">
        <v>406</v>
      </c>
      <c r="L53" s="160">
        <v>0.154</v>
      </c>
      <c r="M53" s="97">
        <v>3.5968621448117674E-2</v>
      </c>
      <c r="N53" s="160">
        <v>5.7000000000000002E-2</v>
      </c>
      <c r="O53" s="97">
        <v>2.3697600890847416E-2</v>
      </c>
      <c r="P53" s="160">
        <v>0.78</v>
      </c>
      <c r="Q53" s="97">
        <v>4.1097420709843832E-2</v>
      </c>
      <c r="R53" s="96">
        <v>8.9999999999999993E-3</v>
      </c>
      <c r="S53" s="97">
        <v>1.1518838472756966E-2</v>
      </c>
    </row>
    <row r="54" spans="1:19">
      <c r="A54" s="45" t="s">
        <v>440</v>
      </c>
      <c r="B54" s="155">
        <v>409</v>
      </c>
      <c r="C54" s="159">
        <v>0.30399999999999999</v>
      </c>
      <c r="D54" s="94">
        <v>4.5347678358476966E-2</v>
      </c>
      <c r="E54" s="159">
        <v>0.221</v>
      </c>
      <c r="F54" s="94">
        <v>4.1011368436090233E-2</v>
      </c>
      <c r="G54" s="159">
        <v>0.46500000000000002</v>
      </c>
      <c r="H54" s="94">
        <v>4.9088408054917688E-2</v>
      </c>
      <c r="I54" s="93">
        <v>0.01</v>
      </c>
      <c r="J54" s="94">
        <v>1.1862131822298486E-2</v>
      </c>
      <c r="K54" s="155">
        <v>409</v>
      </c>
      <c r="L54" s="159">
        <v>0.13500000000000001</v>
      </c>
      <c r="M54" s="94">
        <v>3.3998024802988296E-2</v>
      </c>
      <c r="N54" s="159">
        <v>0.13900000000000001</v>
      </c>
      <c r="O54" s="94">
        <v>3.4401299757880671E-2</v>
      </c>
      <c r="P54" s="159">
        <v>0.71299999999999997</v>
      </c>
      <c r="Q54" s="94">
        <v>4.461354777706731E-2</v>
      </c>
      <c r="R54" s="93">
        <v>1.2999999999999999E-2</v>
      </c>
      <c r="S54" s="94">
        <v>1.2982694875803545E-2</v>
      </c>
    </row>
    <row r="55" spans="1:19">
      <c r="A55" s="49" t="s">
        <v>441</v>
      </c>
      <c r="B55" s="157">
        <v>280</v>
      </c>
      <c r="C55" s="160">
        <v>0.30399999999999999</v>
      </c>
      <c r="D55" s="97">
        <v>5.4728332922126588E-2</v>
      </c>
      <c r="E55" s="160">
        <v>0.215</v>
      </c>
      <c r="F55" s="97">
        <v>4.9082700445496223E-2</v>
      </c>
      <c r="G55" s="160">
        <v>0.46100000000000002</v>
      </c>
      <c r="H55" s="97">
        <v>5.9163362204901551E-2</v>
      </c>
      <c r="I55" s="96">
        <v>1.9E-2</v>
      </c>
      <c r="J55" s="97">
        <v>1.880602069221915E-2</v>
      </c>
      <c r="K55" s="157">
        <v>280</v>
      </c>
      <c r="L55" s="160">
        <v>0.18</v>
      </c>
      <c r="M55" s="97">
        <v>4.6034921467735149E-2</v>
      </c>
      <c r="N55" s="160">
        <v>0.125</v>
      </c>
      <c r="O55" s="97">
        <v>3.994862393492702E-2</v>
      </c>
      <c r="P55" s="160">
        <v>0.67</v>
      </c>
      <c r="Q55" s="97">
        <v>5.590590075907808E-2</v>
      </c>
      <c r="R55" s="96">
        <v>2.5000000000000001E-2</v>
      </c>
      <c r="S55" s="97">
        <v>2.0789310572032513E-2</v>
      </c>
    </row>
    <row r="56" spans="1:19">
      <c r="A56" s="45" t="s">
        <v>442</v>
      </c>
      <c r="B56" s="155">
        <v>767</v>
      </c>
      <c r="C56" s="159">
        <v>0.31900000000000001</v>
      </c>
      <c r="D56" s="94">
        <v>3.3597761857905098E-2</v>
      </c>
      <c r="E56" s="159">
        <v>0.22700000000000001</v>
      </c>
      <c r="F56" s="94">
        <v>3.0238337038952599E-2</v>
      </c>
      <c r="G56" s="159">
        <v>0.42699999999999999</v>
      </c>
      <c r="H56" s="94">
        <v>3.563222946781254E-2</v>
      </c>
      <c r="I56" s="93">
        <v>2.7E-2</v>
      </c>
      <c r="J56" s="94">
        <v>1.2178188574478414E-2</v>
      </c>
      <c r="K56" s="155">
        <v>766</v>
      </c>
      <c r="L56" s="159">
        <v>0.16</v>
      </c>
      <c r="M56" s="94">
        <v>2.6540625011413688E-2</v>
      </c>
      <c r="N56" s="159">
        <v>0.107</v>
      </c>
      <c r="O56" s="94">
        <v>2.2465153041202446E-2</v>
      </c>
      <c r="P56" s="159">
        <v>0.70399999999999996</v>
      </c>
      <c r="Q56" s="94">
        <v>3.2935612192998072E-2</v>
      </c>
      <c r="R56" s="93">
        <v>2.9000000000000001E-2</v>
      </c>
      <c r="S56" s="94">
        <v>1.2578657446373214E-2</v>
      </c>
    </row>
    <row r="57" spans="1:19">
      <c r="A57" s="49" t="s">
        <v>443</v>
      </c>
      <c r="B57" s="157">
        <v>1007</v>
      </c>
      <c r="C57" s="160">
        <v>0.317</v>
      </c>
      <c r="D57" s="97">
        <v>2.9285961623109168E-2</v>
      </c>
      <c r="E57" s="160">
        <v>0.245</v>
      </c>
      <c r="F57" s="97">
        <v>2.7090245354677772E-2</v>
      </c>
      <c r="G57" s="160">
        <v>0.41399999999999998</v>
      </c>
      <c r="H57" s="97">
        <v>3.0985297458463661E-2</v>
      </c>
      <c r="I57" s="96">
        <v>2.4E-2</v>
      </c>
      <c r="J57" s="97">
        <v>9.9877946272249208E-3</v>
      </c>
      <c r="K57" s="157">
        <v>1012</v>
      </c>
      <c r="L57" s="160">
        <v>0.13400000000000001</v>
      </c>
      <c r="M57" s="97">
        <v>2.1471157666528094E-2</v>
      </c>
      <c r="N57" s="160">
        <v>0.14099999999999999</v>
      </c>
      <c r="O57" s="97">
        <v>2.192792536658196E-2</v>
      </c>
      <c r="P57" s="160">
        <v>0.69099999999999995</v>
      </c>
      <c r="Q57" s="97">
        <v>2.9013008656576564E-2</v>
      </c>
      <c r="R57" s="96">
        <v>3.4000000000000002E-2</v>
      </c>
      <c r="S57" s="97">
        <v>1.1663004947512436E-2</v>
      </c>
    </row>
    <row r="58" spans="1:19">
      <c r="A58" s="45" t="s">
        <v>444</v>
      </c>
      <c r="B58" s="155">
        <v>281</v>
      </c>
      <c r="C58" s="159">
        <v>0.22600000000000001</v>
      </c>
      <c r="D58" s="94">
        <v>4.9844193417674466E-2</v>
      </c>
      <c r="E58" s="159">
        <v>0.191</v>
      </c>
      <c r="F58" s="94">
        <v>4.696850160970803E-2</v>
      </c>
      <c r="G58" s="159">
        <v>0.55900000000000005</v>
      </c>
      <c r="H58" s="94">
        <v>5.8832623314296575E-2</v>
      </c>
      <c r="I58" s="93">
        <v>2.4E-2</v>
      </c>
      <c r="J58" s="94">
        <v>2.0430248057933441E-2</v>
      </c>
      <c r="K58" s="155">
        <v>281</v>
      </c>
      <c r="L58" s="159">
        <v>0.20899999999999999</v>
      </c>
      <c r="M58" s="94">
        <v>4.851179342968167E-2</v>
      </c>
      <c r="N58" s="159">
        <v>0.127</v>
      </c>
      <c r="O58" s="94">
        <v>4.013118300968388E-2</v>
      </c>
      <c r="P58" s="159">
        <v>0.65</v>
      </c>
      <c r="Q58" s="94">
        <v>5.6584313344719445E-2</v>
      </c>
      <c r="R58" s="93">
        <v>1.4999999999999999E-2</v>
      </c>
      <c r="S58" s="94">
        <v>1.7302863176395778E-2</v>
      </c>
    </row>
    <row r="59" spans="1:19">
      <c r="A59" s="49" t="s">
        <v>445</v>
      </c>
      <c r="B59" s="157">
        <v>194</v>
      </c>
      <c r="C59" s="160">
        <v>0.36499999999999999</v>
      </c>
      <c r="D59" s="97">
        <v>6.8535020262789043E-2</v>
      </c>
      <c r="E59" s="160">
        <v>0.17599999999999999</v>
      </c>
      <c r="F59" s="97">
        <v>5.4905356874719993E-2</v>
      </c>
      <c r="G59" s="160">
        <v>0.42799999999999999</v>
      </c>
      <c r="H59" s="97">
        <v>7.0355997905453854E-2</v>
      </c>
      <c r="I59" s="96">
        <v>3.1E-2</v>
      </c>
      <c r="J59" s="97">
        <v>2.8010294749459059E-2</v>
      </c>
      <c r="K59" s="157">
        <v>193</v>
      </c>
      <c r="L59" s="160">
        <v>0.14799999999999999</v>
      </c>
      <c r="M59" s="97">
        <v>5.1589270504085939E-2</v>
      </c>
      <c r="N59" s="160">
        <v>7.4999999999999997E-2</v>
      </c>
      <c r="O59" s="97">
        <v>3.9446824225550389E-2</v>
      </c>
      <c r="P59" s="160">
        <v>0.77100000000000002</v>
      </c>
      <c r="Q59" s="97">
        <v>6.0372968992424822E-2</v>
      </c>
      <c r="R59" s="96">
        <v>6.0000000000000001E-3</v>
      </c>
      <c r="S59" s="97">
        <v>1.7896193229263595E-2</v>
      </c>
    </row>
    <row r="60" spans="1:19">
      <c r="A60" s="45" t="s">
        <v>446</v>
      </c>
      <c r="B60" s="155">
        <v>166</v>
      </c>
      <c r="C60" s="159">
        <v>0.34899999999999998</v>
      </c>
      <c r="D60" s="94">
        <v>7.3285800702261178E-2</v>
      </c>
      <c r="E60" s="159">
        <v>0.14799999999999999</v>
      </c>
      <c r="F60" s="94">
        <v>5.5700497220369377E-2</v>
      </c>
      <c r="G60" s="159">
        <v>0.48399999999999999</v>
      </c>
      <c r="H60" s="94">
        <v>7.6659047327411703E-2</v>
      </c>
      <c r="I60" s="93">
        <v>1.9E-2</v>
      </c>
      <c r="J60" s="94">
        <v>2.6300743597468264E-2</v>
      </c>
      <c r="K60" s="155">
        <v>166</v>
      </c>
      <c r="L60" s="159">
        <v>0.245</v>
      </c>
      <c r="M60" s="94">
        <v>6.6509442054139514E-2</v>
      </c>
      <c r="N60" s="159">
        <v>5.2999999999999999E-2</v>
      </c>
      <c r="O60" s="94">
        <v>3.7411277183391781E-2</v>
      </c>
      <c r="P60" s="159">
        <v>0.69399999999999995</v>
      </c>
      <c r="Q60" s="94">
        <v>7.0978748989118212E-2</v>
      </c>
      <c r="R60" s="93">
        <v>8.0000000000000002E-3</v>
      </c>
      <c r="S60" s="94">
        <v>2.1251010986355314E-2</v>
      </c>
    </row>
    <row r="61" spans="1:19">
      <c r="A61" s="49" t="s">
        <v>447</v>
      </c>
      <c r="B61" s="157">
        <v>79</v>
      </c>
      <c r="C61" s="160">
        <v>0.32300000000000001</v>
      </c>
      <c r="D61" s="97">
        <v>0.10334592739049168</v>
      </c>
      <c r="E61" s="160">
        <v>0.22500000000000001</v>
      </c>
      <c r="F61" s="97">
        <v>9.3522373922006186E-2</v>
      </c>
      <c r="G61" s="160">
        <v>0.42599999999999999</v>
      </c>
      <c r="H61" s="97">
        <v>0.10866974152009885</v>
      </c>
      <c r="I61" s="96">
        <v>2.5999999999999999E-2</v>
      </c>
      <c r="J61" s="97">
        <v>4.7317282489111774E-2</v>
      </c>
      <c r="K61" s="157">
        <v>79</v>
      </c>
      <c r="L61" s="160">
        <v>0.11899999999999999</v>
      </c>
      <c r="M61" s="97">
        <v>7.5567979129143412E-2</v>
      </c>
      <c r="N61" s="160">
        <v>4.9000000000000002E-2</v>
      </c>
      <c r="O61" s="97">
        <v>5.6283066021553828E-2</v>
      </c>
      <c r="P61" s="160">
        <v>0.81799999999999995</v>
      </c>
      <c r="Q61" s="97">
        <v>8.7367945573297259E-2</v>
      </c>
      <c r="R61" s="96">
        <v>1.4999999999999999E-2</v>
      </c>
      <c r="S61" s="97">
        <v>4.2170605268624782E-2</v>
      </c>
    </row>
    <row r="63" spans="1:19" ht="18.75">
      <c r="A63" s="343" t="s">
        <v>261</v>
      </c>
      <c r="B63" s="343"/>
      <c r="C63" s="343"/>
      <c r="D63" s="343"/>
      <c r="E63" s="343"/>
      <c r="F63" s="343"/>
      <c r="G63" s="343"/>
      <c r="H63" s="343"/>
      <c r="I63" s="343"/>
      <c r="J63" s="343"/>
      <c r="K63" s="343"/>
      <c r="L63" s="343"/>
    </row>
    <row r="64" spans="1:19" ht="69" customHeight="1">
      <c r="A64" s="400" t="s">
        <v>512</v>
      </c>
      <c r="B64" s="400"/>
      <c r="C64" s="400"/>
      <c r="D64" s="400"/>
      <c r="E64" s="400"/>
      <c r="F64" s="400"/>
      <c r="G64" s="400"/>
      <c r="H64" s="400"/>
      <c r="I64" s="400"/>
      <c r="J64" s="400"/>
      <c r="K64" s="400"/>
      <c r="L64" s="400"/>
    </row>
    <row r="65" spans="1:12" ht="46.5" customHeight="1">
      <c r="A65" s="398" t="s">
        <v>262</v>
      </c>
      <c r="B65" s="399"/>
      <c r="C65" s="399"/>
      <c r="D65" s="399"/>
      <c r="E65" s="399"/>
      <c r="F65" s="399"/>
      <c r="G65" s="399"/>
      <c r="H65" s="399"/>
      <c r="I65" s="399"/>
      <c r="J65" s="399"/>
      <c r="K65" s="399"/>
      <c r="L65" s="399"/>
    </row>
    <row r="66" spans="1:12" ht="72">
      <c r="A66" s="37" t="s">
        <v>85</v>
      </c>
      <c r="B66" s="38" t="s">
        <v>86</v>
      </c>
      <c r="C66" s="39" t="s">
        <v>87</v>
      </c>
      <c r="D66" s="40" t="s">
        <v>88</v>
      </c>
      <c r="E66" s="38" t="s">
        <v>178</v>
      </c>
      <c r="F66" s="89" t="s">
        <v>101</v>
      </c>
      <c r="G66" s="38" t="s">
        <v>179</v>
      </c>
      <c r="H66" s="89" t="s">
        <v>102</v>
      </c>
      <c r="I66" s="38" t="s">
        <v>180</v>
      </c>
      <c r="J66" s="89" t="s">
        <v>103</v>
      </c>
      <c r="K66" s="38" t="s">
        <v>353</v>
      </c>
      <c r="L66" s="89" t="s">
        <v>352</v>
      </c>
    </row>
    <row r="67" spans="1:12" ht="84">
      <c r="A67" s="41"/>
      <c r="B67" s="42" t="s">
        <v>89</v>
      </c>
      <c r="C67" s="125" t="s">
        <v>357</v>
      </c>
      <c r="D67" s="44" t="s">
        <v>91</v>
      </c>
      <c r="E67" s="42" t="s">
        <v>181</v>
      </c>
      <c r="F67" s="91" t="s">
        <v>145</v>
      </c>
      <c r="G67" s="42" t="s">
        <v>182</v>
      </c>
      <c r="H67" s="91" t="s">
        <v>146</v>
      </c>
      <c r="I67" s="42" t="s">
        <v>183</v>
      </c>
      <c r="J67" s="91" t="s">
        <v>147</v>
      </c>
      <c r="K67" s="42" t="s">
        <v>353</v>
      </c>
      <c r="L67" s="91" t="s">
        <v>104</v>
      </c>
    </row>
    <row r="68" spans="1:12">
      <c r="A68" s="45" t="s">
        <v>424</v>
      </c>
      <c r="B68" s="155">
        <v>9321</v>
      </c>
      <c r="C68" s="156">
        <v>3.68</v>
      </c>
      <c r="D68" s="86">
        <v>3.9199999999999999E-2</v>
      </c>
      <c r="E68" s="159">
        <v>0.47899999999999998</v>
      </c>
      <c r="F68" s="94">
        <v>1.034647762536532E-2</v>
      </c>
      <c r="G68" s="159">
        <v>0.156</v>
      </c>
      <c r="H68" s="94">
        <v>7.5180711612020104E-3</v>
      </c>
      <c r="I68" s="159">
        <v>0.33800000000000002</v>
      </c>
      <c r="J68" s="94">
        <v>9.7974885468451196E-3</v>
      </c>
      <c r="K68" s="93">
        <v>2.7E-2</v>
      </c>
      <c r="L68" s="94">
        <v>3.3691804826515991E-3</v>
      </c>
    </row>
    <row r="69" spans="1:12">
      <c r="A69" s="49" t="s">
        <v>425</v>
      </c>
      <c r="B69" s="49">
        <v>8681</v>
      </c>
      <c r="C69" s="158">
        <v>3.67</v>
      </c>
      <c r="D69" s="87">
        <v>3.9199999999999999E-2</v>
      </c>
      <c r="E69" s="160">
        <v>0.47599999999999998</v>
      </c>
      <c r="F69" s="97">
        <v>1.0718022537515422E-2</v>
      </c>
      <c r="G69" s="160">
        <v>0.161</v>
      </c>
      <c r="H69" s="97">
        <v>7.890582556962648E-3</v>
      </c>
      <c r="I69" s="160">
        <v>0.33600000000000002</v>
      </c>
      <c r="J69" s="97">
        <v>1.0137313302674035E-2</v>
      </c>
      <c r="K69" s="96">
        <v>2.5999999999999999E-2</v>
      </c>
      <c r="L69" s="97">
        <v>3.4290847017341246E-3</v>
      </c>
    </row>
    <row r="70" spans="1:12">
      <c r="A70" s="45" t="s">
        <v>426</v>
      </c>
      <c r="B70" s="53">
        <v>835</v>
      </c>
      <c r="C70" s="156">
        <v>3.18</v>
      </c>
      <c r="D70" s="86">
        <v>0.13720000000000002</v>
      </c>
      <c r="E70" s="159">
        <v>0.58130000000000004</v>
      </c>
      <c r="F70" s="94">
        <v>3.4068792791810305E-2</v>
      </c>
      <c r="G70" s="159">
        <v>0.17349999999999999</v>
      </c>
      <c r="H70" s="94">
        <v>2.6239185552017152E-2</v>
      </c>
      <c r="I70" s="159">
        <v>0.22140000000000001</v>
      </c>
      <c r="J70" s="94">
        <v>2.8729171902674194E-2</v>
      </c>
      <c r="K70" s="93">
        <v>2.3900000000000001E-2</v>
      </c>
      <c r="L70" s="94">
        <v>1.1022781537237283E-2</v>
      </c>
    </row>
    <row r="71" spans="1:12">
      <c r="A71" s="49" t="s">
        <v>427</v>
      </c>
      <c r="B71" s="49">
        <v>6832</v>
      </c>
      <c r="C71" s="158">
        <v>3.7</v>
      </c>
      <c r="D71" s="87">
        <v>0</v>
      </c>
      <c r="E71" s="160">
        <v>0.48</v>
      </c>
      <c r="F71" s="97">
        <v>1.208513945530683E-2</v>
      </c>
      <c r="G71" s="160">
        <v>0.156</v>
      </c>
      <c r="H71" s="97">
        <v>8.7819447852715508E-3</v>
      </c>
      <c r="I71" s="160">
        <v>0.33700000000000002</v>
      </c>
      <c r="J71" s="97">
        <v>1.1434861030021297E-2</v>
      </c>
      <c r="K71" s="96">
        <v>2.7E-2</v>
      </c>
      <c r="L71" s="97">
        <v>3.9402164843185495E-3</v>
      </c>
    </row>
    <row r="72" spans="1:12">
      <c r="A72" s="45" t="s">
        <v>428</v>
      </c>
      <c r="B72" s="53">
        <v>2491</v>
      </c>
      <c r="C72" s="156">
        <v>4.2</v>
      </c>
      <c r="D72" s="86">
        <v>0</v>
      </c>
      <c r="E72" s="159">
        <v>0.372</v>
      </c>
      <c r="F72" s="94">
        <v>1.9355072318624596E-2</v>
      </c>
      <c r="G72" s="159">
        <v>0.16500000000000001</v>
      </c>
      <c r="H72" s="94">
        <v>1.488147164650998E-2</v>
      </c>
      <c r="I72" s="159">
        <v>0.441</v>
      </c>
      <c r="J72" s="94">
        <v>1.9880611699960912E-2</v>
      </c>
      <c r="K72" s="93">
        <v>2.1999999999999999E-2</v>
      </c>
      <c r="L72" s="94">
        <v>5.9722842512760169E-3</v>
      </c>
    </row>
    <row r="73" spans="1:12">
      <c r="A73" s="49" t="s">
        <v>429</v>
      </c>
      <c r="B73" s="49">
        <v>614</v>
      </c>
      <c r="C73" s="158">
        <v>4.0999999999999996</v>
      </c>
      <c r="D73" s="87">
        <v>0.19600000000000001</v>
      </c>
      <c r="E73" s="160">
        <v>0.41</v>
      </c>
      <c r="F73" s="97">
        <v>3.9577421158974627E-2</v>
      </c>
      <c r="G73" s="160">
        <v>0.125</v>
      </c>
      <c r="H73" s="97">
        <v>2.6826723999599646E-2</v>
      </c>
      <c r="I73" s="160">
        <v>0.439</v>
      </c>
      <c r="J73" s="97">
        <v>3.992930746737814E-2</v>
      </c>
      <c r="K73" s="96">
        <v>2.5999999999999999E-2</v>
      </c>
      <c r="L73" s="97">
        <v>1.3515666278190027E-2</v>
      </c>
    </row>
    <row r="74" spans="1:12">
      <c r="A74" s="45" t="s">
        <v>430</v>
      </c>
      <c r="B74" s="53">
        <v>1579</v>
      </c>
      <c r="C74" s="156">
        <v>4.3</v>
      </c>
      <c r="D74" s="86">
        <v>0</v>
      </c>
      <c r="E74" s="159">
        <v>0.34599999999999997</v>
      </c>
      <c r="F74" s="94">
        <v>2.3918354598804641E-2</v>
      </c>
      <c r="G74" s="159">
        <v>0.17399999999999999</v>
      </c>
      <c r="H74" s="94">
        <v>1.909251393558398E-2</v>
      </c>
      <c r="I74" s="159">
        <v>0.45800000000000002</v>
      </c>
      <c r="J74" s="94">
        <v>2.5045500146511968E-2</v>
      </c>
      <c r="K74" s="93">
        <v>2.1999999999999999E-2</v>
      </c>
      <c r="L74" s="94">
        <v>7.5684669677777341E-3</v>
      </c>
    </row>
    <row r="75" spans="1:12">
      <c r="A75" s="49" t="s">
        <v>431</v>
      </c>
      <c r="B75" s="49">
        <v>233</v>
      </c>
      <c r="C75" s="158">
        <v>4.2</v>
      </c>
      <c r="D75" s="87">
        <v>0.19600000000000001</v>
      </c>
      <c r="E75" s="160">
        <v>0.35199999999999998</v>
      </c>
      <c r="F75" s="97">
        <v>6.2145757084209656E-2</v>
      </c>
      <c r="G75" s="160">
        <v>0.17199999999999999</v>
      </c>
      <c r="H75" s="97">
        <v>4.9642924400558723E-2</v>
      </c>
      <c r="I75" s="160">
        <v>0.46200000000000002</v>
      </c>
      <c r="J75" s="97">
        <v>6.4775409628883979E-2</v>
      </c>
      <c r="K75" s="96">
        <v>1.4E-2</v>
      </c>
      <c r="L75" s="97">
        <v>1.9141744972062461E-2</v>
      </c>
    </row>
    <row r="76" spans="1:12">
      <c r="A76" s="45" t="s">
        <v>432</v>
      </c>
      <c r="B76" s="53">
        <v>553</v>
      </c>
      <c r="C76" s="156">
        <v>4.0999999999999996</v>
      </c>
      <c r="D76" s="86">
        <v>0.19600000000000001</v>
      </c>
      <c r="E76" s="159">
        <v>0.41499999999999998</v>
      </c>
      <c r="F76" s="94">
        <v>4.1763495660589407E-2</v>
      </c>
      <c r="G76" s="159">
        <v>0.14199999999999999</v>
      </c>
      <c r="H76" s="94">
        <v>2.9801276703985538E-2</v>
      </c>
      <c r="I76" s="159">
        <v>0.43</v>
      </c>
      <c r="J76" s="94">
        <v>4.1960066877309452E-2</v>
      </c>
      <c r="K76" s="93">
        <v>1.2999999999999999E-2</v>
      </c>
      <c r="L76" s="94">
        <v>1.0794355152064276E-2</v>
      </c>
    </row>
    <row r="77" spans="1:12">
      <c r="A77" s="49" t="s">
        <v>433</v>
      </c>
      <c r="B77" s="49">
        <v>718</v>
      </c>
      <c r="C77" s="158">
        <v>4.2</v>
      </c>
      <c r="D77" s="87">
        <v>0.19600000000000001</v>
      </c>
      <c r="E77" s="160">
        <v>0.36</v>
      </c>
      <c r="F77" s="97">
        <v>3.5744288265708309E-2</v>
      </c>
      <c r="G77" s="160">
        <v>0.18099999999999999</v>
      </c>
      <c r="H77" s="97">
        <v>2.8766268172093924E-2</v>
      </c>
      <c r="I77" s="160">
        <v>0.42899999999999999</v>
      </c>
      <c r="J77" s="97">
        <v>3.6843210602218748E-2</v>
      </c>
      <c r="K77" s="96">
        <v>0.03</v>
      </c>
      <c r="L77" s="97">
        <v>1.3218987696629648E-2</v>
      </c>
    </row>
    <row r="78" spans="1:12">
      <c r="A78" s="45" t="s">
        <v>434</v>
      </c>
      <c r="B78" s="155">
        <v>965</v>
      </c>
      <c r="C78" s="156">
        <v>4.3</v>
      </c>
      <c r="D78" s="86">
        <v>0.19600000000000001</v>
      </c>
      <c r="E78" s="159">
        <v>0.34499999999999997</v>
      </c>
      <c r="F78" s="94">
        <v>3.0555432002658346E-2</v>
      </c>
      <c r="G78" s="159">
        <v>0.17299999999999999</v>
      </c>
      <c r="H78" s="94">
        <v>2.4376812874145476E-2</v>
      </c>
      <c r="I78" s="159">
        <v>0.45200000000000001</v>
      </c>
      <c r="J78" s="94">
        <v>3.19774806218402E-2</v>
      </c>
      <c r="K78" s="93">
        <v>0.03</v>
      </c>
      <c r="L78" s="94">
        <v>1.1297637889232499E-2</v>
      </c>
    </row>
    <row r="79" spans="1:12">
      <c r="A79" s="49" t="s">
        <v>435</v>
      </c>
      <c r="B79" s="157">
        <v>736</v>
      </c>
      <c r="C79" s="158">
        <v>4</v>
      </c>
      <c r="D79" s="87">
        <v>0.19600000000000001</v>
      </c>
      <c r="E79" s="160">
        <v>0.41499999999999998</v>
      </c>
      <c r="F79" s="97">
        <v>3.6231455424669344E-2</v>
      </c>
      <c r="G79" s="160">
        <v>0.16700000000000001</v>
      </c>
      <c r="H79" s="97">
        <v>2.7539314403917863E-2</v>
      </c>
      <c r="I79" s="160">
        <v>0.4</v>
      </c>
      <c r="J79" s="97">
        <v>3.6026102843297513E-2</v>
      </c>
      <c r="K79" s="96">
        <v>1.7999999999999999E-2</v>
      </c>
      <c r="L79" s="97">
        <v>1.0444401752363797E-2</v>
      </c>
    </row>
    <row r="80" spans="1:12">
      <c r="A80" s="45" t="s">
        <v>436</v>
      </c>
      <c r="B80" s="83">
        <v>133</v>
      </c>
      <c r="C80" s="156">
        <v>3.5</v>
      </c>
      <c r="D80" s="86">
        <v>0.39200000000000002</v>
      </c>
      <c r="E80" s="159">
        <v>0.61</v>
      </c>
      <c r="F80" s="94">
        <v>8.3464447514464177E-2</v>
      </c>
      <c r="G80" s="159">
        <v>8.5999999999999993E-2</v>
      </c>
      <c r="H80" s="94">
        <v>5.0822839766296223E-2</v>
      </c>
      <c r="I80" s="159">
        <v>0.29799999999999999</v>
      </c>
      <c r="J80" s="94">
        <v>7.8590490159101481E-2</v>
      </c>
      <c r="K80" s="93">
        <v>6.0000000000000001E-3</v>
      </c>
      <c r="L80" s="94">
        <v>2.4168655653267118E-2</v>
      </c>
    </row>
    <row r="81" spans="1:26">
      <c r="A81" s="49" t="s">
        <v>437</v>
      </c>
      <c r="B81" s="157">
        <v>152</v>
      </c>
      <c r="C81" s="158">
        <v>4.3</v>
      </c>
      <c r="D81" s="87">
        <v>0.39200000000000002</v>
      </c>
      <c r="E81" s="160">
        <v>0.36899999999999999</v>
      </c>
      <c r="F81" s="97">
        <v>7.7411283973946921E-2</v>
      </c>
      <c r="G81" s="160">
        <v>0.13800000000000001</v>
      </c>
      <c r="H81" s="97">
        <v>5.6747314101627595E-2</v>
      </c>
      <c r="I81" s="160">
        <v>0.45500000000000002</v>
      </c>
      <c r="J81" s="97">
        <v>7.9755638783515811E-2</v>
      </c>
      <c r="K81" s="96">
        <v>3.7999999999999999E-2</v>
      </c>
      <c r="L81" s="97">
        <v>3.4848211076073173E-2</v>
      </c>
    </row>
    <row r="82" spans="1:26" ht="25.5">
      <c r="A82" s="45" t="s">
        <v>438</v>
      </c>
      <c r="B82" s="155">
        <v>256</v>
      </c>
      <c r="C82" s="156">
        <v>4.3</v>
      </c>
      <c r="D82" s="86">
        <v>0.19600000000000001</v>
      </c>
      <c r="E82" s="159">
        <v>0.34599999999999997</v>
      </c>
      <c r="F82" s="94">
        <v>5.9096805825759019E-2</v>
      </c>
      <c r="G82" s="159">
        <v>0.152</v>
      </c>
      <c r="H82" s="94">
        <v>4.5165271419266011E-2</v>
      </c>
      <c r="I82" s="159">
        <v>0.47799999999999998</v>
      </c>
      <c r="J82" s="94">
        <v>6.1959140103220046E-2</v>
      </c>
      <c r="K82" s="93">
        <v>2.4E-2</v>
      </c>
      <c r="L82" s="94">
        <v>2.1605534111265222E-2</v>
      </c>
    </row>
    <row r="83" spans="1:26">
      <c r="A83" s="49" t="s">
        <v>439</v>
      </c>
      <c r="B83" s="157">
        <v>405</v>
      </c>
      <c r="C83" s="158">
        <v>4.8</v>
      </c>
      <c r="D83" s="87">
        <v>0.19600000000000001</v>
      </c>
      <c r="E83" s="160">
        <v>0.25600000000000001</v>
      </c>
      <c r="F83" s="97">
        <v>4.3290435977837015E-2</v>
      </c>
      <c r="G83" s="160">
        <v>0.17799999999999999</v>
      </c>
      <c r="H83" s="97">
        <v>3.8088063161646681E-2</v>
      </c>
      <c r="I83" s="160">
        <v>0.55400000000000005</v>
      </c>
      <c r="J83" s="97">
        <v>4.9163243646421176E-2</v>
      </c>
      <c r="K83" s="96">
        <v>1.2E-2</v>
      </c>
      <c r="L83" s="97">
        <v>1.269976627428419E-2</v>
      </c>
    </row>
    <row r="84" spans="1:26">
      <c r="A84" s="45" t="s">
        <v>440</v>
      </c>
      <c r="B84" s="155">
        <v>406</v>
      </c>
      <c r="C84" s="156">
        <v>4.2</v>
      </c>
      <c r="D84" s="86">
        <v>0.19600000000000001</v>
      </c>
      <c r="E84" s="159">
        <v>0.375</v>
      </c>
      <c r="F84" s="94">
        <v>4.7849193059820404E-2</v>
      </c>
      <c r="G84" s="159">
        <v>0.17499999999999999</v>
      </c>
      <c r="H84" s="94">
        <v>3.7796105370429996E-2</v>
      </c>
      <c r="I84" s="159">
        <v>0.42499999999999999</v>
      </c>
      <c r="J84" s="94">
        <v>4.8838631320783803E-2</v>
      </c>
      <c r="K84" s="93">
        <v>2.5999999999999999E-2</v>
      </c>
      <c r="L84" s="94">
        <v>1.7018365106222708E-2</v>
      </c>
    </row>
    <row r="85" spans="1:26">
      <c r="A85" s="49" t="s">
        <v>441</v>
      </c>
      <c r="B85" s="157">
        <v>277</v>
      </c>
      <c r="C85" s="158">
        <v>4.0999999999999996</v>
      </c>
      <c r="D85" s="87">
        <v>0.19600000000000001</v>
      </c>
      <c r="E85" s="160">
        <v>0.35399999999999998</v>
      </c>
      <c r="F85" s="97">
        <v>5.7130249126981586E-2</v>
      </c>
      <c r="G85" s="160">
        <v>0.17199999999999999</v>
      </c>
      <c r="H85" s="97">
        <v>4.5503445531138151E-2</v>
      </c>
      <c r="I85" s="160">
        <v>0.42799999999999999</v>
      </c>
      <c r="J85" s="97">
        <v>5.9050920392752164E-2</v>
      </c>
      <c r="K85" s="96">
        <v>4.5999999999999999E-2</v>
      </c>
      <c r="L85" s="97">
        <v>2.6601127940991422E-2</v>
      </c>
    </row>
    <row r="86" spans="1:26">
      <c r="A86" s="45" t="s">
        <v>442</v>
      </c>
      <c r="B86" s="155">
        <v>764</v>
      </c>
      <c r="C86" s="156">
        <v>4.2</v>
      </c>
      <c r="D86" s="86">
        <v>0.19600000000000001</v>
      </c>
      <c r="E86" s="159">
        <v>0.37</v>
      </c>
      <c r="F86" s="94">
        <v>3.48565201355878E-2</v>
      </c>
      <c r="G86" s="159">
        <v>0.158</v>
      </c>
      <c r="H86" s="94">
        <v>2.644286314281755E-2</v>
      </c>
      <c r="I86" s="159">
        <v>0.44400000000000001</v>
      </c>
      <c r="J86" s="94">
        <v>3.5859722472697211E-2</v>
      </c>
      <c r="K86" s="93">
        <v>2.8000000000000001E-2</v>
      </c>
      <c r="L86" s="94">
        <v>1.2401827667703712E-2</v>
      </c>
    </row>
    <row r="87" spans="1:26">
      <c r="A87" s="49" t="s">
        <v>443</v>
      </c>
      <c r="B87" s="157">
        <v>1003</v>
      </c>
      <c r="C87" s="158">
        <v>4.2</v>
      </c>
      <c r="D87" s="87">
        <v>0.19600000000000001</v>
      </c>
      <c r="E87" s="160">
        <v>0.376</v>
      </c>
      <c r="F87" s="97">
        <v>3.0536149825483899E-2</v>
      </c>
      <c r="G87" s="160">
        <v>0.17599999999999999</v>
      </c>
      <c r="H87" s="97">
        <v>2.4070099039591633E-2</v>
      </c>
      <c r="I87" s="160">
        <v>0.42899999999999999</v>
      </c>
      <c r="J87" s="97">
        <v>3.1195890553072796E-2</v>
      </c>
      <c r="K87" s="96">
        <v>0.02</v>
      </c>
      <c r="L87" s="97">
        <v>9.2255747377638416E-3</v>
      </c>
    </row>
    <row r="88" spans="1:26">
      <c r="A88" s="45" t="s">
        <v>444</v>
      </c>
      <c r="B88" s="155">
        <v>279</v>
      </c>
      <c r="C88" s="156">
        <v>4.0999999999999996</v>
      </c>
      <c r="D88" s="86">
        <v>0.19600000000000001</v>
      </c>
      <c r="E88" s="159">
        <v>0.39900000000000002</v>
      </c>
      <c r="F88" s="94">
        <v>5.8253173474981067E-2</v>
      </c>
      <c r="G88" s="159">
        <v>0.14899999999999999</v>
      </c>
      <c r="H88" s="94">
        <v>4.2907921952210028E-2</v>
      </c>
      <c r="I88" s="159">
        <v>0.433</v>
      </c>
      <c r="J88" s="94">
        <v>5.8922839971496908E-2</v>
      </c>
      <c r="K88" s="93">
        <v>1.9E-2</v>
      </c>
      <c r="L88" s="94">
        <v>1.8847732616462432E-2</v>
      </c>
    </row>
    <row r="89" spans="1:26">
      <c r="A89" s="49" t="s">
        <v>445</v>
      </c>
      <c r="B89" s="157">
        <v>192</v>
      </c>
      <c r="C89" s="158">
        <v>4</v>
      </c>
      <c r="D89" s="87">
        <v>0.19600000000000001</v>
      </c>
      <c r="E89" s="160">
        <v>0.36699999999999999</v>
      </c>
      <c r="F89" s="97">
        <v>6.8961040857754771E-2</v>
      </c>
      <c r="G89" s="160">
        <v>0.20499999999999999</v>
      </c>
      <c r="H89" s="97">
        <v>5.8290405186213486E-2</v>
      </c>
      <c r="I89" s="160">
        <v>0.39300000000000002</v>
      </c>
      <c r="J89" s="97">
        <v>6.9841443998886171E-2</v>
      </c>
      <c r="K89" s="96">
        <v>3.5000000000000003E-2</v>
      </c>
      <c r="L89" s="97">
        <v>2.9454376334515954E-2</v>
      </c>
    </row>
    <row r="90" spans="1:26">
      <c r="A90" s="45" t="s">
        <v>446</v>
      </c>
      <c r="B90" s="155">
        <v>166</v>
      </c>
      <c r="C90" s="156">
        <v>4.7</v>
      </c>
      <c r="D90" s="86">
        <v>0.19600000000000001</v>
      </c>
      <c r="E90" s="159">
        <v>0.312</v>
      </c>
      <c r="F90" s="94">
        <v>7.1340060430780783E-2</v>
      </c>
      <c r="G90" s="159">
        <v>0.14899999999999999</v>
      </c>
      <c r="H90" s="94">
        <v>5.5841895710185427E-2</v>
      </c>
      <c r="I90" s="159">
        <v>0.52700000000000002</v>
      </c>
      <c r="J90" s="94">
        <v>7.658980154559622E-2</v>
      </c>
      <c r="K90" s="93">
        <v>1.2999999999999999E-2</v>
      </c>
      <c r="L90" s="94">
        <v>2.3694422019672184E-2</v>
      </c>
    </row>
    <row r="91" spans="1:26">
      <c r="A91" s="49" t="s">
        <v>447</v>
      </c>
      <c r="B91" s="157">
        <v>78</v>
      </c>
      <c r="C91" s="158">
        <v>3.8</v>
      </c>
      <c r="D91" s="87">
        <v>0.39200000000000002</v>
      </c>
      <c r="E91" s="160">
        <v>0.41699999999999998</v>
      </c>
      <c r="F91" s="97">
        <v>0.10904613141895882</v>
      </c>
      <c r="G91" s="160">
        <v>0.16400000000000001</v>
      </c>
      <c r="H91" s="97">
        <v>8.4924529998558013E-2</v>
      </c>
      <c r="I91" s="160">
        <v>0.41899999999999998</v>
      </c>
      <c r="J91" s="97">
        <v>0.10911249183483498</v>
      </c>
      <c r="K91" s="96">
        <v>0</v>
      </c>
      <c r="L91" s="97">
        <v>3.406977052534528E-2</v>
      </c>
    </row>
    <row r="93" spans="1:26" ht="18.75">
      <c r="A93" s="343" t="s">
        <v>44</v>
      </c>
      <c r="B93" s="343"/>
      <c r="C93" s="343"/>
      <c r="D93" s="343"/>
      <c r="E93" s="343"/>
      <c r="F93" s="343"/>
      <c r="G93" s="343"/>
      <c r="H93" s="343"/>
      <c r="I93" s="343"/>
      <c r="J93" s="343"/>
      <c r="K93" s="343"/>
      <c r="L93" s="343"/>
    </row>
    <row r="94" spans="1:26" ht="80.25" customHeight="1">
      <c r="A94" s="402" t="s">
        <v>513</v>
      </c>
      <c r="B94" s="402"/>
      <c r="C94" s="402"/>
      <c r="D94" s="402"/>
      <c r="E94" s="402"/>
      <c r="F94" s="402"/>
      <c r="G94" s="402"/>
      <c r="H94" s="402"/>
      <c r="I94" s="402"/>
      <c r="J94" s="402"/>
      <c r="K94" s="402"/>
      <c r="L94" s="402"/>
    </row>
    <row r="95" spans="1:26" ht="50.25" customHeight="1">
      <c r="A95" s="398" t="s">
        <v>313</v>
      </c>
      <c r="B95" s="399"/>
      <c r="C95" s="399"/>
      <c r="D95" s="399"/>
      <c r="E95" s="399"/>
      <c r="F95" s="399"/>
      <c r="G95" s="399"/>
      <c r="H95" s="399"/>
      <c r="I95" s="399"/>
      <c r="J95" s="399"/>
      <c r="K95" s="399"/>
      <c r="L95" s="399"/>
      <c r="N95" s="248"/>
      <c r="O95" s="248"/>
      <c r="P95" s="248"/>
      <c r="Q95" s="248"/>
      <c r="R95" s="248"/>
      <c r="S95" s="248"/>
      <c r="T95" s="248"/>
      <c r="U95" s="248"/>
      <c r="V95" s="248"/>
      <c r="W95" s="248"/>
      <c r="X95" s="248"/>
    </row>
    <row r="96" spans="1:26" ht="38.25" customHeight="1">
      <c r="A96" s="37" t="s">
        <v>85</v>
      </c>
      <c r="B96" s="38" t="s">
        <v>86</v>
      </c>
      <c r="C96" s="39" t="s">
        <v>87</v>
      </c>
      <c r="D96" s="40" t="s">
        <v>88</v>
      </c>
      <c r="E96" s="38" t="s">
        <v>415</v>
      </c>
      <c r="F96" s="40" t="s">
        <v>416</v>
      </c>
      <c r="G96" s="38" t="s">
        <v>411</v>
      </c>
      <c r="H96" s="40" t="s">
        <v>413</v>
      </c>
      <c r="I96" s="38" t="s">
        <v>417</v>
      </c>
      <c r="J96" s="40" t="s">
        <v>418</v>
      </c>
      <c r="K96" s="38" t="s">
        <v>353</v>
      </c>
      <c r="L96" s="89" t="s">
        <v>367</v>
      </c>
      <c r="P96" s="248"/>
      <c r="Q96" s="248"/>
      <c r="R96" s="248"/>
      <c r="S96" s="248"/>
      <c r="T96" s="248"/>
      <c r="U96" s="248"/>
      <c r="V96" s="248"/>
      <c r="W96" s="248"/>
      <c r="X96" s="248"/>
      <c r="Y96" s="248"/>
      <c r="Z96" s="248"/>
    </row>
    <row r="97" spans="1:26" ht="72">
      <c r="A97" s="41"/>
      <c r="B97" s="42" t="s">
        <v>89</v>
      </c>
      <c r="C97" s="125" t="s">
        <v>355</v>
      </c>
      <c r="D97" s="44" t="s">
        <v>91</v>
      </c>
      <c r="E97" s="42" t="s">
        <v>410</v>
      </c>
      <c r="F97" s="44" t="s">
        <v>104</v>
      </c>
      <c r="G97" s="42" t="s">
        <v>412</v>
      </c>
      <c r="H97" s="44" t="s">
        <v>104</v>
      </c>
      <c r="I97" s="42" t="s">
        <v>181</v>
      </c>
      <c r="J97" s="44" t="s">
        <v>104</v>
      </c>
      <c r="K97" s="42" t="s">
        <v>353</v>
      </c>
      <c r="L97" s="91" t="s">
        <v>104</v>
      </c>
      <c r="P97" s="253"/>
      <c r="Q97" s="253"/>
      <c r="R97" s="253"/>
      <c r="S97" s="253"/>
      <c r="T97" s="253"/>
      <c r="U97" s="253"/>
      <c r="V97" s="253"/>
      <c r="W97" s="248"/>
      <c r="X97" s="248"/>
      <c r="Y97" s="248"/>
      <c r="Z97" s="248"/>
    </row>
    <row r="98" spans="1:26">
      <c r="A98" s="45" t="s">
        <v>424</v>
      </c>
      <c r="B98" s="161">
        <v>10767</v>
      </c>
      <c r="C98" s="156">
        <v>4.12</v>
      </c>
      <c r="D98" s="86">
        <v>3.9199999999999999E-2</v>
      </c>
      <c r="E98" s="164">
        <v>0.16</v>
      </c>
      <c r="F98" s="94">
        <v>7.0670842622171217E-3</v>
      </c>
      <c r="G98" s="163">
        <v>0.41200000000000003</v>
      </c>
      <c r="H98" s="94">
        <v>9.4851544785253435E-3</v>
      </c>
      <c r="I98" s="163">
        <v>0.27700000000000002</v>
      </c>
      <c r="J98" s="94">
        <v>8.6248401091277519E-3</v>
      </c>
      <c r="K98" s="93">
        <v>0.151</v>
      </c>
      <c r="L98" s="94">
        <v>6.9023575547351628E-3</v>
      </c>
    </row>
    <row r="99" spans="1:26">
      <c r="A99" s="49" t="s">
        <v>425</v>
      </c>
      <c r="B99" s="162">
        <v>8855</v>
      </c>
      <c r="C99" s="158">
        <v>4.12</v>
      </c>
      <c r="D99" s="87">
        <v>3.9199999999999999E-2</v>
      </c>
      <c r="E99" s="166">
        <v>0.14699999999999999</v>
      </c>
      <c r="F99" s="97">
        <v>7.5277565493569645E-3</v>
      </c>
      <c r="G99" s="165">
        <v>0.39500000000000002</v>
      </c>
      <c r="H99" s="97">
        <v>1.0387784331419975E-2</v>
      </c>
      <c r="I99" s="165">
        <v>0.26300000000000001</v>
      </c>
      <c r="J99" s="97">
        <v>9.3563415436554651E-3</v>
      </c>
      <c r="K99" s="96">
        <v>0.19500000000000001</v>
      </c>
      <c r="L99" s="97">
        <v>8.4211041658892351E-3</v>
      </c>
    </row>
    <row r="100" spans="1:26">
      <c r="A100" s="45" t="s">
        <v>426</v>
      </c>
      <c r="B100" s="161">
        <v>1801</v>
      </c>
      <c r="C100" s="156">
        <v>3.95</v>
      </c>
      <c r="D100" s="86">
        <v>7.8399999999999997E-2</v>
      </c>
      <c r="E100" s="164">
        <v>0.15820000000000001</v>
      </c>
      <c r="F100" s="94">
        <v>1.7212375894735885E-2</v>
      </c>
      <c r="G100" s="163">
        <v>0.42830000000000001</v>
      </c>
      <c r="H100" s="94">
        <v>2.3295375160059667E-2</v>
      </c>
      <c r="I100" s="163">
        <v>0.33699999999999997</v>
      </c>
      <c r="J100" s="94">
        <v>2.2257551956224617E-2</v>
      </c>
      <c r="K100" s="93">
        <v>7.6499999999999999E-2</v>
      </c>
      <c r="L100" s="94">
        <v>1.2582517196983715E-2</v>
      </c>
    </row>
    <row r="101" spans="1:26">
      <c r="A101" s="49" t="s">
        <v>427</v>
      </c>
      <c r="B101" s="162">
        <v>8261</v>
      </c>
      <c r="C101" s="158">
        <v>4.0999999999999996</v>
      </c>
      <c r="D101" s="87">
        <v>0</v>
      </c>
      <c r="E101" s="166">
        <v>0.16</v>
      </c>
      <c r="F101" s="97">
        <v>8.0684268537146286E-3</v>
      </c>
      <c r="G101" s="165">
        <v>0.41200000000000003</v>
      </c>
      <c r="H101" s="97">
        <v>1.0828107402915245E-2</v>
      </c>
      <c r="I101" s="165">
        <v>0.27700000000000002</v>
      </c>
      <c r="J101" s="97">
        <v>9.8462253605835458E-3</v>
      </c>
      <c r="K101" s="96">
        <v>0.151</v>
      </c>
      <c r="L101" s="97">
        <v>7.8804395262484749E-3</v>
      </c>
    </row>
    <row r="102" spans="1:26">
      <c r="A102" s="45" t="s">
        <v>428</v>
      </c>
      <c r="B102" s="161">
        <v>2508</v>
      </c>
      <c r="C102" s="156">
        <v>3.9</v>
      </c>
      <c r="D102" s="86">
        <v>0</v>
      </c>
      <c r="E102" s="164">
        <v>0.129</v>
      </c>
      <c r="F102" s="94">
        <v>1.3401979493684685E-2</v>
      </c>
      <c r="G102" s="163">
        <v>0.372</v>
      </c>
      <c r="H102" s="94">
        <v>1.9289453605098587E-2</v>
      </c>
      <c r="I102" s="163">
        <v>0.35</v>
      </c>
      <c r="J102" s="94">
        <v>1.9036153961429485E-2</v>
      </c>
      <c r="K102" s="93">
        <v>0.14799999999999999</v>
      </c>
      <c r="L102" s="94">
        <v>1.4192168635044201E-2</v>
      </c>
    </row>
    <row r="103" spans="1:26">
      <c r="A103" s="49" t="s">
        <v>429</v>
      </c>
      <c r="B103" s="162">
        <v>618</v>
      </c>
      <c r="C103" s="158">
        <v>3.8</v>
      </c>
      <c r="D103" s="87">
        <v>0.19600000000000001</v>
      </c>
      <c r="E103" s="166">
        <v>0.1</v>
      </c>
      <c r="F103" s="97">
        <v>2.4330423816826301E-2</v>
      </c>
      <c r="G103" s="165">
        <v>0.371</v>
      </c>
      <c r="H103" s="97">
        <v>3.8756585910454611E-2</v>
      </c>
      <c r="I103" s="165">
        <v>0.36</v>
      </c>
      <c r="J103" s="97">
        <v>3.8513477780649681E-2</v>
      </c>
      <c r="K103" s="96">
        <v>0.17</v>
      </c>
      <c r="L103" s="97">
        <v>3.0271668055945743E-2</v>
      </c>
    </row>
    <row r="104" spans="1:26">
      <c r="A104" s="45" t="s">
        <v>430</v>
      </c>
      <c r="B104" s="161">
        <v>1584</v>
      </c>
      <c r="C104" s="156">
        <v>3.9</v>
      </c>
      <c r="D104" s="86">
        <v>0</v>
      </c>
      <c r="E104" s="164">
        <v>0.12</v>
      </c>
      <c r="F104" s="94">
        <v>1.6365360891174716E-2</v>
      </c>
      <c r="G104" s="163">
        <v>0.376</v>
      </c>
      <c r="H104" s="94">
        <v>2.4314343777868206E-2</v>
      </c>
      <c r="I104" s="163">
        <v>0.371</v>
      </c>
      <c r="J104" s="94">
        <v>2.424906075560784E-2</v>
      </c>
      <c r="K104" s="93">
        <v>0.13300000000000001</v>
      </c>
      <c r="L104" s="94">
        <v>1.7092773925670129E-2</v>
      </c>
    </row>
    <row r="105" spans="1:26">
      <c r="A105" s="49" t="s">
        <v>431</v>
      </c>
      <c r="B105" s="162">
        <v>239</v>
      </c>
      <c r="C105" s="158">
        <v>4.2</v>
      </c>
      <c r="D105" s="87">
        <v>0.19600000000000001</v>
      </c>
      <c r="E105" s="166">
        <v>0.185</v>
      </c>
      <c r="F105" s="97">
        <v>5.0350995269506114E-2</v>
      </c>
      <c r="G105" s="165">
        <v>0.41500000000000004</v>
      </c>
      <c r="H105" s="97">
        <v>6.3246971968202281E-2</v>
      </c>
      <c r="I105" s="165">
        <v>0.30499999999999999</v>
      </c>
      <c r="J105" s="97">
        <v>5.9243036929243063E-2</v>
      </c>
      <c r="K105" s="96">
        <v>9.4E-2</v>
      </c>
      <c r="L105" s="97">
        <v>3.8606602005683471E-2</v>
      </c>
    </row>
    <row r="106" spans="1:26">
      <c r="A106" s="45" t="s">
        <v>432</v>
      </c>
      <c r="B106" s="161">
        <v>555</v>
      </c>
      <c r="C106" s="156">
        <v>4</v>
      </c>
      <c r="D106" s="86">
        <v>0.19600000000000001</v>
      </c>
      <c r="E106" s="164">
        <v>0.122</v>
      </c>
      <c r="F106" s="94">
        <v>2.7947501949606855E-2</v>
      </c>
      <c r="G106" s="163">
        <v>0.40100000000000002</v>
      </c>
      <c r="H106" s="94">
        <v>4.1470187832129433E-2</v>
      </c>
      <c r="I106" s="163">
        <v>0.35</v>
      </c>
      <c r="J106" s="94">
        <v>4.0375770866239682E-2</v>
      </c>
      <c r="K106" s="93">
        <v>0.127</v>
      </c>
      <c r="L106" s="94">
        <v>2.8417408666186618E-2</v>
      </c>
    </row>
    <row r="107" spans="1:26">
      <c r="A107" s="49" t="s">
        <v>433</v>
      </c>
      <c r="B107" s="162">
        <v>722</v>
      </c>
      <c r="C107" s="158">
        <v>3.8</v>
      </c>
      <c r="D107" s="87">
        <v>0.19600000000000001</v>
      </c>
      <c r="E107" s="166">
        <v>0.11600000000000001</v>
      </c>
      <c r="F107" s="97">
        <v>2.3956386371347508E-2</v>
      </c>
      <c r="G107" s="165">
        <v>0.35599999999999998</v>
      </c>
      <c r="H107" s="97">
        <v>3.555865572133407E-2</v>
      </c>
      <c r="I107" s="165">
        <v>0.37</v>
      </c>
      <c r="J107" s="97">
        <v>3.5851370017071095E-2</v>
      </c>
      <c r="K107" s="96">
        <v>0.157</v>
      </c>
      <c r="L107" s="97">
        <v>2.7135395276604312E-2</v>
      </c>
    </row>
    <row r="108" spans="1:26">
      <c r="A108" s="45" t="s">
        <v>434</v>
      </c>
      <c r="B108" s="161">
        <v>970</v>
      </c>
      <c r="C108" s="156">
        <v>3.7</v>
      </c>
      <c r="D108" s="86">
        <v>0.19600000000000001</v>
      </c>
      <c r="E108" s="164">
        <v>0.11600000000000001</v>
      </c>
      <c r="F108" s="94">
        <v>2.06419212850673E-2</v>
      </c>
      <c r="G108" s="163">
        <v>0.32800000000000001</v>
      </c>
      <c r="H108" s="94">
        <v>3.0103073497693526E-2</v>
      </c>
      <c r="I108" s="163">
        <v>0.35799999999999998</v>
      </c>
      <c r="J108" s="94">
        <v>3.073375619715582E-2</v>
      </c>
      <c r="K108" s="93">
        <v>0.19700000000000001</v>
      </c>
      <c r="L108" s="94">
        <v>2.5548884545014333E-2</v>
      </c>
    </row>
    <row r="109" spans="1:26">
      <c r="A109" s="49" t="s">
        <v>435</v>
      </c>
      <c r="B109" s="162">
        <v>740</v>
      </c>
      <c r="C109" s="158">
        <v>4.0999999999999996</v>
      </c>
      <c r="D109" s="87">
        <v>0.19600000000000001</v>
      </c>
      <c r="E109" s="166">
        <v>0.16</v>
      </c>
      <c r="F109" s="97">
        <v>2.7004546543321108E-2</v>
      </c>
      <c r="G109" s="165">
        <v>0.35899999999999999</v>
      </c>
      <c r="H109" s="97">
        <v>3.5190128712080382E-2</v>
      </c>
      <c r="I109" s="165">
        <v>0.34599999999999997</v>
      </c>
      <c r="J109" s="97">
        <v>3.4899111523945966E-2</v>
      </c>
      <c r="K109" s="96">
        <v>0.13400000000000001</v>
      </c>
      <c r="L109" s="97">
        <v>2.5131965154331762E-2</v>
      </c>
    </row>
    <row r="110" spans="1:26">
      <c r="A110" s="45" t="s">
        <v>436</v>
      </c>
      <c r="B110" s="161">
        <v>134</v>
      </c>
      <c r="C110" s="156">
        <v>4</v>
      </c>
      <c r="D110" s="86">
        <v>0.19600000000000001</v>
      </c>
      <c r="E110" s="164">
        <v>0.105</v>
      </c>
      <c r="F110" s="94">
        <v>5.4610303648991582E-2</v>
      </c>
      <c r="G110" s="163">
        <v>0.39600000000000002</v>
      </c>
      <c r="H110" s="94">
        <v>8.3371341012415431E-2</v>
      </c>
      <c r="I110" s="163">
        <v>0.28200000000000003</v>
      </c>
      <c r="J110" s="94">
        <v>7.7120475437993011E-2</v>
      </c>
      <c r="K110" s="93">
        <v>0.216</v>
      </c>
      <c r="L110" s="94">
        <v>7.1007643236237206E-2</v>
      </c>
    </row>
    <row r="111" spans="1:26">
      <c r="A111" s="49" t="s">
        <v>437</v>
      </c>
      <c r="B111" s="162">
        <v>154</v>
      </c>
      <c r="C111" s="158">
        <v>4</v>
      </c>
      <c r="D111" s="87">
        <v>0.19600000000000001</v>
      </c>
      <c r="E111" s="166">
        <v>0.10199999999999999</v>
      </c>
      <c r="F111" s="97">
        <v>5.0193279831738428E-2</v>
      </c>
      <c r="G111" s="165">
        <v>0.46199999999999997</v>
      </c>
      <c r="H111" s="97">
        <v>7.9337157229441638E-2</v>
      </c>
      <c r="I111" s="165">
        <v>0.27800000000000002</v>
      </c>
      <c r="J111" s="97">
        <v>7.1720237978423917E-2</v>
      </c>
      <c r="K111" s="96">
        <v>0.157</v>
      </c>
      <c r="L111" s="97">
        <v>5.915705495248532E-2</v>
      </c>
    </row>
    <row r="112" spans="1:26" ht="25.5">
      <c r="A112" s="45" t="s">
        <v>438</v>
      </c>
      <c r="B112" s="161">
        <v>257</v>
      </c>
      <c r="C112" s="156">
        <v>3.7</v>
      </c>
      <c r="D112" s="86">
        <v>0.19600000000000001</v>
      </c>
      <c r="E112" s="164">
        <v>9.9000000000000005E-2</v>
      </c>
      <c r="F112" s="94">
        <v>3.7973573783526393E-2</v>
      </c>
      <c r="G112" s="163">
        <v>0.32499999999999996</v>
      </c>
      <c r="H112" s="94">
        <v>5.8106324031830844E-2</v>
      </c>
      <c r="I112" s="163">
        <v>0.41499999999999998</v>
      </c>
      <c r="J112" s="94">
        <v>6.1025057218790806E-2</v>
      </c>
      <c r="K112" s="93">
        <v>0.161</v>
      </c>
      <c r="L112" s="94">
        <v>4.6084129390322283E-2</v>
      </c>
    </row>
    <row r="113" spans="1:23">
      <c r="A113" s="49" t="s">
        <v>439</v>
      </c>
      <c r="B113" s="162">
        <v>405</v>
      </c>
      <c r="C113" s="158">
        <v>3.8</v>
      </c>
      <c r="D113" s="87">
        <v>0.19600000000000001</v>
      </c>
      <c r="E113" s="166">
        <v>0.112</v>
      </c>
      <c r="F113" s="97">
        <v>3.1643834962451718E-2</v>
      </c>
      <c r="G113" s="165">
        <v>0.36599999999999999</v>
      </c>
      <c r="H113" s="97">
        <v>4.7673861471082574E-2</v>
      </c>
      <c r="I113" s="165">
        <v>0.39500000000000002</v>
      </c>
      <c r="J113" s="97">
        <v>4.8365923202440854E-2</v>
      </c>
      <c r="K113" s="96">
        <v>0.127</v>
      </c>
      <c r="L113" s="97">
        <v>3.3328628530250121E-2</v>
      </c>
    </row>
    <row r="114" spans="1:23">
      <c r="A114" s="45" t="s">
        <v>440</v>
      </c>
      <c r="B114" s="161">
        <v>406</v>
      </c>
      <c r="C114" s="156">
        <v>3.8</v>
      </c>
      <c r="D114" s="86">
        <v>0.19600000000000001</v>
      </c>
      <c r="E114" s="164">
        <v>0.104</v>
      </c>
      <c r="F114" s="94">
        <v>3.0640145579735757E-2</v>
      </c>
      <c r="G114" s="163">
        <v>0.38700000000000001</v>
      </c>
      <c r="H114" s="94">
        <v>4.8133851568380889E-2</v>
      </c>
      <c r="I114" s="163">
        <v>0.378</v>
      </c>
      <c r="J114" s="94">
        <v>4.7923211223448871E-2</v>
      </c>
      <c r="K114" s="93">
        <v>0.13100000000000001</v>
      </c>
      <c r="L114" s="94">
        <v>3.3710798733039712E-2</v>
      </c>
    </row>
    <row r="115" spans="1:23">
      <c r="A115" s="49" t="s">
        <v>441</v>
      </c>
      <c r="B115" s="162">
        <v>279</v>
      </c>
      <c r="C115" s="158">
        <v>4.0999999999999996</v>
      </c>
      <c r="D115" s="87">
        <v>0.19600000000000001</v>
      </c>
      <c r="E115" s="166">
        <v>0.13500000000000001</v>
      </c>
      <c r="F115" s="97">
        <v>4.1272080476137875E-2</v>
      </c>
      <c r="G115" s="165">
        <v>0.39900000000000002</v>
      </c>
      <c r="H115" s="97">
        <v>5.8253173474981067E-2</v>
      </c>
      <c r="I115" s="165">
        <v>0.26100000000000001</v>
      </c>
      <c r="J115" s="97">
        <v>5.2429635351066886E-2</v>
      </c>
      <c r="K115" s="96">
        <v>0.20499999999999999</v>
      </c>
      <c r="L115" s="97">
        <v>4.8353481282386708E-2</v>
      </c>
    </row>
    <row r="116" spans="1:23">
      <c r="A116" s="45" t="s">
        <v>442</v>
      </c>
      <c r="B116" s="161">
        <v>772</v>
      </c>
      <c r="C116" s="156">
        <v>4.2</v>
      </c>
      <c r="D116" s="86">
        <v>0.19600000000000001</v>
      </c>
      <c r="E116" s="164">
        <v>0.156</v>
      </c>
      <c r="F116" s="94">
        <v>2.6171600108978489E-2</v>
      </c>
      <c r="G116" s="163">
        <v>0.40100000000000002</v>
      </c>
      <c r="H116" s="94">
        <v>3.5194582879025972E-2</v>
      </c>
      <c r="I116" s="163">
        <v>0.26900000000000002</v>
      </c>
      <c r="J116" s="94">
        <v>3.1881521615759835E-2</v>
      </c>
      <c r="K116" s="93">
        <v>0.17299999999999999</v>
      </c>
      <c r="L116" s="94">
        <v>2.726072282064625E-2</v>
      </c>
    </row>
    <row r="117" spans="1:23">
      <c r="A117" s="49" t="s">
        <v>443</v>
      </c>
      <c r="B117" s="162">
        <v>1008</v>
      </c>
      <c r="C117" s="158">
        <v>3.8</v>
      </c>
      <c r="D117" s="87">
        <v>0.19600000000000001</v>
      </c>
      <c r="E117" s="166">
        <v>0.11</v>
      </c>
      <c r="F117" s="97">
        <v>1.9791401825490284E-2</v>
      </c>
      <c r="G117" s="165">
        <v>0.32999999999999996</v>
      </c>
      <c r="H117" s="97">
        <v>2.9577259117658378E-2</v>
      </c>
      <c r="I117" s="165">
        <v>0.39400000000000002</v>
      </c>
      <c r="J117" s="97">
        <v>3.0725911005226137E-2</v>
      </c>
      <c r="K117" s="96">
        <v>0.16600000000000001</v>
      </c>
      <c r="L117" s="97">
        <v>2.346674737564243E-2</v>
      </c>
    </row>
    <row r="118" spans="1:23">
      <c r="A118" s="45" t="s">
        <v>444</v>
      </c>
      <c r="B118" s="161">
        <v>280</v>
      </c>
      <c r="C118" s="156">
        <v>3.9</v>
      </c>
      <c r="D118" s="86">
        <v>0.19600000000000001</v>
      </c>
      <c r="E118" s="164">
        <v>0.18099999999999999</v>
      </c>
      <c r="F118" s="94">
        <v>4.6129841304450948E-2</v>
      </c>
      <c r="G118" s="163">
        <v>0.32100000000000001</v>
      </c>
      <c r="H118" s="94">
        <v>5.551997576055541E-2</v>
      </c>
      <c r="I118" s="163">
        <v>0.39300000000000002</v>
      </c>
      <c r="J118" s="94">
        <v>5.8003306834568197E-2</v>
      </c>
      <c r="K118" s="93">
        <v>0.105</v>
      </c>
      <c r="L118" s="94">
        <v>3.7216367598364171E-2</v>
      </c>
    </row>
    <row r="119" spans="1:23">
      <c r="A119" s="49" t="s">
        <v>445</v>
      </c>
      <c r="B119" s="162">
        <v>193</v>
      </c>
      <c r="C119" s="158">
        <v>3.5</v>
      </c>
      <c r="D119" s="87">
        <v>0.19600000000000001</v>
      </c>
      <c r="E119" s="166">
        <v>6.3E-2</v>
      </c>
      <c r="F119" s="97">
        <v>3.6803044029327867E-2</v>
      </c>
      <c r="G119" s="165">
        <v>0.38600000000000001</v>
      </c>
      <c r="H119" s="97">
        <v>6.9446893622113898E-2</v>
      </c>
      <c r="I119" s="165">
        <v>0.38300000000000001</v>
      </c>
      <c r="J119" s="97">
        <v>6.9349589620003163E-2</v>
      </c>
      <c r="K119" s="96">
        <v>0.16800000000000001</v>
      </c>
      <c r="L119" s="97">
        <v>5.4111495887317847E-2</v>
      </c>
    </row>
    <row r="120" spans="1:23">
      <c r="A120" s="45" t="s">
        <v>446</v>
      </c>
      <c r="B120" s="161">
        <v>167</v>
      </c>
      <c r="C120" s="156">
        <v>4</v>
      </c>
      <c r="D120" s="86">
        <v>0.19600000000000001</v>
      </c>
      <c r="E120" s="164">
        <v>0.09</v>
      </c>
      <c r="F120" s="94">
        <v>4.5799549793991118E-2</v>
      </c>
      <c r="G120" s="163">
        <v>0.44600000000000001</v>
      </c>
      <c r="H120" s="94">
        <v>7.6045358192118412E-2</v>
      </c>
      <c r="I120" s="163">
        <v>0.36299999999999999</v>
      </c>
      <c r="J120" s="94">
        <v>7.3683186511270524E-2</v>
      </c>
      <c r="K120" s="93">
        <v>0.10100000000000001</v>
      </c>
      <c r="L120" s="94">
        <v>4.7918031593408288E-2</v>
      </c>
    </row>
    <row r="121" spans="1:23">
      <c r="A121" s="49" t="s">
        <v>447</v>
      </c>
      <c r="B121" s="162">
        <v>78</v>
      </c>
      <c r="C121" s="158">
        <v>3.9</v>
      </c>
      <c r="D121" s="87">
        <v>0.39200000000000002</v>
      </c>
      <c r="E121" s="166">
        <v>7.5999999999999998E-2</v>
      </c>
      <c r="F121" s="97">
        <v>6.5270670397179931E-2</v>
      </c>
      <c r="G121" s="165">
        <v>0.45100000000000001</v>
      </c>
      <c r="H121" s="97">
        <v>0.10995066091628596</v>
      </c>
      <c r="I121" s="165">
        <v>0.27400000000000002</v>
      </c>
      <c r="J121" s="97">
        <v>9.9703337324576286E-2</v>
      </c>
      <c r="K121" s="96">
        <v>0.19900000000000001</v>
      </c>
      <c r="L121" s="97">
        <v>9.0532983778032275E-2</v>
      </c>
      <c r="M121" s="248"/>
      <c r="N121" s="248"/>
      <c r="O121" s="248"/>
      <c r="P121" s="248"/>
      <c r="Q121" s="248"/>
      <c r="R121" s="248"/>
      <c r="S121" s="248"/>
      <c r="T121" s="248"/>
      <c r="U121" s="248"/>
      <c r="V121" s="248"/>
      <c r="W121" s="248"/>
    </row>
  </sheetData>
  <mergeCells count="13">
    <mergeCell ref="A65:L65"/>
    <mergeCell ref="A64:L64"/>
    <mergeCell ref="A63:L63"/>
    <mergeCell ref="A95:L95"/>
    <mergeCell ref="A94:L94"/>
    <mergeCell ref="A93:L93"/>
    <mergeCell ref="A3:D3"/>
    <mergeCell ref="A4:D4"/>
    <mergeCell ref="A5:D5"/>
    <mergeCell ref="B35:J35"/>
    <mergeCell ref="K35:S35"/>
    <mergeCell ref="A34:S34"/>
    <mergeCell ref="A33:S33"/>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groups</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Brigitta.Yabsley</cp:lastModifiedBy>
  <dcterms:created xsi:type="dcterms:W3CDTF">2014-05-19T04:59:05Z</dcterms:created>
  <dcterms:modified xsi:type="dcterms:W3CDTF">2018-11-07T22:17:16Z</dcterms:modified>
</cp:coreProperties>
</file>